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3.xml" ContentType="application/vnd.openxmlformats-officedocument.theme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4" r:id="rId10"/>
    <p:sldMasterId id="2147483669" r:id="rId11"/>
    <p:sldMasterId id="2147483674" r:id="rId12"/>
    <p:sldMasterId id="2147483648" r:id="rId13"/>
  </p:sldMasterIdLst>
  <p:notesMasterIdLst>
    <p:notesMasterId r:id="rId19"/>
  </p:notesMasterIdLst>
  <p:sldIdLst>
    <p:sldId id="256" r:id="rId14"/>
    <p:sldId id="269" r:id="rId15"/>
    <p:sldId id="273" r:id="rId16"/>
    <p:sldId id="274" r:id="rId17"/>
    <p:sldId id="275" r:id="rId18"/>
  </p:sldIdLst>
  <p:sldSz cx="12192000" cy="6858000"/>
  <p:notesSz cx="6858000" cy="9144000"/>
  <p:defaultTextStyle>
    <a:defPPr>
      <a:defRPr lang="nl-N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8407F"/>
    <a:srgbClr val="AFCA0A"/>
    <a:srgbClr val="7E7956"/>
    <a:srgbClr val="F18900"/>
    <a:srgbClr val="B5C733"/>
    <a:srgbClr val="D8871C"/>
    <a:srgbClr val="6DB4BE"/>
    <a:srgbClr val="E17000"/>
    <a:srgbClr val="170000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1D22E15-605D-4CCB-B501-EB19A0294B1E}" v="22" dt="2021-11-25T08:45:28.58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1" autoAdjust="0"/>
    <p:restoredTop sz="86418"/>
  </p:normalViewPr>
  <p:slideViewPr>
    <p:cSldViewPr snapToGrid="0" snapToObjects="1" showGuides="1">
      <p:cViewPr varScale="1">
        <p:scale>
          <a:sx n="86" d="100"/>
          <a:sy n="86" d="100"/>
        </p:scale>
        <p:origin x="331" y="67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" d="1"/>
        <a:sy n="1" d="1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Master" Target="slideMasters/slideMaster4.xml"/><Relationship Id="rId18" Type="http://schemas.openxmlformats.org/officeDocument/2006/relationships/slide" Target="slides/slide5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slideMaster" Target="slideMasters/slideMaster3.xml"/><Relationship Id="rId17" Type="http://schemas.openxmlformats.org/officeDocument/2006/relationships/slide" Target="slides/slide4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2.xml"/><Relationship Id="rId24" Type="http://schemas.microsoft.com/office/2015/10/relationships/revisionInfo" Target="revisionInfo.xml"/><Relationship Id="rId5" Type="http://schemas.openxmlformats.org/officeDocument/2006/relationships/customXml" Target="../customXml/item5.xml"/><Relationship Id="rId15" Type="http://schemas.openxmlformats.org/officeDocument/2006/relationships/slide" Target="slides/slide2.xml"/><Relationship Id="rId23" Type="http://schemas.openxmlformats.org/officeDocument/2006/relationships/tableStyles" Target="tableStyles.xml"/><Relationship Id="rId10" Type="http://schemas.openxmlformats.org/officeDocument/2006/relationships/slideMaster" Target="slideMasters/slideMaster1.xml"/><Relationship Id="rId19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1.xml"/><Relationship Id="rId22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ko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BBBC54C-B953-064A-A75C-BA0C85C4BD4E}" type="datetimeFigureOut">
              <a:rPr lang="nl-NL" smtClean="0"/>
              <a:t>7-3-2022</a:t>
            </a:fld>
            <a:endParaRPr lang="nl-NL"/>
          </a:p>
        </p:txBody>
      </p:sp>
      <p:sp>
        <p:nvSpPr>
          <p:cNvPr id="4" name="Tijdelijke aanduiding voor dia-afbeelding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l-NL"/>
          </a:p>
        </p:txBody>
      </p:sp>
      <p:sp>
        <p:nvSpPr>
          <p:cNvPr id="5" name="Tijdelijke aanduiding voor notiti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F48927C-BCF4-754B-B45E-B60BC7F2560D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400453137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ia-afbeelding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Tijdelijke aanduiding voor notiti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F48927C-BCF4-754B-B45E-B60BC7F2560D}" type="slidenum">
              <a:rPr lang="nl-NL" smtClean="0"/>
              <a:t>1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0486928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ia-afbeelding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Tijdelijke aanduiding voor notiti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F48927C-BCF4-754B-B45E-B60BC7F2560D}" type="slidenum">
              <a:rPr lang="nl-NL" smtClean="0"/>
              <a:t>2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2331553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/>
              <a:t>Klik om stijl te bewerken</a:t>
            </a:r>
            <a:endParaRPr lang="nl-NL" dirty="0"/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  <a:endParaRPr lang="nl-NL" dirty="0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29" name="Tijdelijke aanduiding voor afbeelding 28">
            <a:extLst>
              <a:ext uri="{FF2B5EF4-FFF2-40B4-BE49-F238E27FC236}">
                <a16:creationId xmlns:a16="http://schemas.microsoft.com/office/drawing/2014/main" id="{1954039D-8397-D548-A02C-546B355ACD6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79139" y="2038316"/>
            <a:ext cx="4512861" cy="4323794"/>
          </a:xfrm>
          <a:custGeom>
            <a:avLst/>
            <a:gdLst>
              <a:gd name="connsiteX0" fmla="*/ 805268 w 4297236"/>
              <a:gd name="connsiteY0" fmla="*/ 3253485 h 4117203"/>
              <a:gd name="connsiteX1" fmla="*/ 1238046 w 4297236"/>
              <a:gd name="connsiteY1" fmla="*/ 3685317 h 4117203"/>
              <a:gd name="connsiteX2" fmla="*/ 805268 w 4297236"/>
              <a:gd name="connsiteY2" fmla="*/ 4117203 h 4117203"/>
              <a:gd name="connsiteX3" fmla="*/ 372436 w 4297236"/>
              <a:gd name="connsiteY3" fmla="*/ 3685317 h 4117203"/>
              <a:gd name="connsiteX4" fmla="*/ 805268 w 4297236"/>
              <a:gd name="connsiteY4" fmla="*/ 3253485 h 4117203"/>
              <a:gd name="connsiteX5" fmla="*/ 4071546 w 4297236"/>
              <a:gd name="connsiteY5" fmla="*/ 2493830 h 4117203"/>
              <a:gd name="connsiteX6" fmla="*/ 4081352 w 4297236"/>
              <a:gd name="connsiteY6" fmla="*/ 2493830 h 4117203"/>
              <a:gd name="connsiteX7" fmla="*/ 4249433 w 4297236"/>
              <a:gd name="connsiteY7" fmla="*/ 2529671 h 4117203"/>
              <a:gd name="connsiteX8" fmla="*/ 4297236 w 4297236"/>
              <a:gd name="connsiteY8" fmla="*/ 2556265 h 4117203"/>
              <a:gd name="connsiteX9" fmla="*/ 4297236 w 4297236"/>
              <a:gd name="connsiteY9" fmla="*/ 3295281 h 4117203"/>
              <a:gd name="connsiteX10" fmla="*/ 4247058 w 4297236"/>
              <a:gd name="connsiteY10" fmla="*/ 3322716 h 4117203"/>
              <a:gd name="connsiteX11" fmla="*/ 4081352 w 4297236"/>
              <a:gd name="connsiteY11" fmla="*/ 3357548 h 4117203"/>
              <a:gd name="connsiteX12" fmla="*/ 3643641 w 4297236"/>
              <a:gd name="connsiteY12" fmla="*/ 2930584 h 4117203"/>
              <a:gd name="connsiteX13" fmla="*/ 4071546 w 4297236"/>
              <a:gd name="connsiteY13" fmla="*/ 2493830 h 4117203"/>
              <a:gd name="connsiteX14" fmla="*/ 4297236 w 4297236"/>
              <a:gd name="connsiteY14" fmla="*/ 748924 h 4117203"/>
              <a:gd name="connsiteX15" fmla="*/ 4297236 w 4297236"/>
              <a:gd name="connsiteY15" fmla="*/ 2198341 h 4117203"/>
              <a:gd name="connsiteX16" fmla="*/ 4264865 w 4297236"/>
              <a:gd name="connsiteY16" fmla="*/ 2171694 h 4117203"/>
              <a:gd name="connsiteX17" fmla="*/ 3975783 w 4297236"/>
              <a:gd name="connsiteY17" fmla="*/ 1475430 h 4117203"/>
              <a:gd name="connsiteX18" fmla="*/ 4291838 w 4297236"/>
              <a:gd name="connsiteY18" fmla="*/ 753157 h 4117203"/>
              <a:gd name="connsiteX19" fmla="*/ 2151385 w 4297236"/>
              <a:gd name="connsiteY19" fmla="*/ 352967 h 4117203"/>
              <a:gd name="connsiteX20" fmla="*/ 3676578 w 4297236"/>
              <a:gd name="connsiteY20" fmla="*/ 1874828 h 4117203"/>
              <a:gd name="connsiteX21" fmla="*/ 2151385 w 4297236"/>
              <a:gd name="connsiteY21" fmla="*/ 3396690 h 4117203"/>
              <a:gd name="connsiteX22" fmla="*/ 1044577 w 4297236"/>
              <a:gd name="connsiteY22" fmla="*/ 2921781 h 4117203"/>
              <a:gd name="connsiteX23" fmla="*/ 722314 w 4297236"/>
              <a:gd name="connsiteY23" fmla="*/ 2997292 h 4117203"/>
              <a:gd name="connsiteX24" fmla="*/ 0 w 4297236"/>
              <a:gd name="connsiteY24" fmla="*/ 2276555 h 4117203"/>
              <a:gd name="connsiteX25" fmla="*/ 659250 w 4297236"/>
              <a:gd name="connsiteY25" fmla="*/ 1558758 h 4117203"/>
              <a:gd name="connsiteX26" fmla="*/ 2151385 w 4297236"/>
              <a:gd name="connsiteY26" fmla="*/ 352967 h 4117203"/>
              <a:gd name="connsiteX27" fmla="*/ 3388708 w 4297236"/>
              <a:gd name="connsiteY27" fmla="*/ 29 h 4117203"/>
              <a:gd name="connsiteX28" fmla="*/ 3668182 w 4297236"/>
              <a:gd name="connsiteY28" fmla="*/ 271086 h 4117203"/>
              <a:gd name="connsiteX29" fmla="*/ 3396537 w 4297236"/>
              <a:gd name="connsiteY29" fmla="*/ 549950 h 4117203"/>
              <a:gd name="connsiteX30" fmla="*/ 3388708 w 4297236"/>
              <a:gd name="connsiteY30" fmla="*/ 549950 h 4117203"/>
              <a:gd name="connsiteX31" fmla="*/ 3117057 w 4297236"/>
              <a:gd name="connsiteY31" fmla="*/ 271086 h 4117203"/>
              <a:gd name="connsiteX32" fmla="*/ 3388708 w 4297236"/>
              <a:gd name="connsiteY32" fmla="*/ 29 h 41172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</a:cxnLst>
            <a:rect l="l" t="t" r="r" b="b"/>
            <a:pathLst>
              <a:path w="4297236" h="4117203">
                <a:moveTo>
                  <a:pt x="805268" y="3253485"/>
                </a:moveTo>
                <a:cubicBezTo>
                  <a:pt x="1044283" y="3253485"/>
                  <a:pt x="1238046" y="3446825"/>
                  <a:pt x="1238046" y="3685317"/>
                </a:cubicBezTo>
                <a:cubicBezTo>
                  <a:pt x="1238046" y="3923819"/>
                  <a:pt x="1044293" y="4117148"/>
                  <a:pt x="805268" y="4117203"/>
                </a:cubicBezTo>
                <a:cubicBezTo>
                  <a:pt x="566222" y="4117203"/>
                  <a:pt x="372436" y="3923841"/>
                  <a:pt x="372436" y="3685317"/>
                </a:cubicBezTo>
                <a:cubicBezTo>
                  <a:pt x="372469" y="3446814"/>
                  <a:pt x="566244" y="3253485"/>
                  <a:pt x="805268" y="3253485"/>
                </a:cubicBezTo>
                <a:close/>
                <a:moveTo>
                  <a:pt x="4071546" y="2493830"/>
                </a:moveTo>
                <a:cubicBezTo>
                  <a:pt x="4074812" y="2493791"/>
                  <a:pt x="4078084" y="2493791"/>
                  <a:pt x="4081352" y="2493830"/>
                </a:cubicBezTo>
                <a:cubicBezTo>
                  <a:pt x="4141109" y="2494505"/>
                  <a:pt x="4197901" y="2507232"/>
                  <a:pt x="4249433" y="2529671"/>
                </a:cubicBezTo>
                <a:lnTo>
                  <a:pt x="4297236" y="2556265"/>
                </a:lnTo>
                <a:lnTo>
                  <a:pt x="4297236" y="3295281"/>
                </a:lnTo>
                <a:lnTo>
                  <a:pt x="4247058" y="3322716"/>
                </a:lnTo>
                <a:cubicBezTo>
                  <a:pt x="4196127" y="3344533"/>
                  <a:pt x="4140151" y="3356883"/>
                  <a:pt x="4081352" y="3357548"/>
                </a:cubicBezTo>
                <a:cubicBezTo>
                  <a:pt x="3842322" y="3360249"/>
                  <a:pt x="3646352" y="3169093"/>
                  <a:pt x="3643641" y="2930584"/>
                </a:cubicBezTo>
                <a:cubicBezTo>
                  <a:pt x="3640934" y="2692071"/>
                  <a:pt x="3832514" y="2496529"/>
                  <a:pt x="4071546" y="2493830"/>
                </a:cubicBezTo>
                <a:close/>
                <a:moveTo>
                  <a:pt x="4297236" y="748924"/>
                </a:moveTo>
                <a:lnTo>
                  <a:pt x="4297236" y="2198341"/>
                </a:lnTo>
                <a:lnTo>
                  <a:pt x="4264865" y="2171694"/>
                </a:lnTo>
                <a:cubicBezTo>
                  <a:pt x="4086269" y="1993510"/>
                  <a:pt x="3975797" y="1747344"/>
                  <a:pt x="3975783" y="1475430"/>
                </a:cubicBezTo>
                <a:cubicBezTo>
                  <a:pt x="3975818" y="1194003"/>
                  <a:pt x="4095399" y="934985"/>
                  <a:pt x="4291838" y="753157"/>
                </a:cubicBezTo>
                <a:close/>
                <a:moveTo>
                  <a:pt x="2151385" y="352967"/>
                </a:moveTo>
                <a:cubicBezTo>
                  <a:pt x="2993770" y="352967"/>
                  <a:pt x="3676578" y="1034339"/>
                  <a:pt x="3676578" y="1874828"/>
                </a:cubicBezTo>
                <a:cubicBezTo>
                  <a:pt x="3676578" y="2715317"/>
                  <a:pt x="2993770" y="3396690"/>
                  <a:pt x="2151385" y="3396690"/>
                </a:cubicBezTo>
                <a:cubicBezTo>
                  <a:pt x="1732659" y="3397172"/>
                  <a:pt x="1332258" y="3225371"/>
                  <a:pt x="1044577" y="2921781"/>
                </a:cubicBezTo>
                <a:cubicBezTo>
                  <a:pt x="944498" y="2971600"/>
                  <a:pt x="834156" y="2997457"/>
                  <a:pt x="722314" y="2997292"/>
                </a:cubicBezTo>
                <a:cubicBezTo>
                  <a:pt x="323391" y="2997292"/>
                  <a:pt x="0" y="2674607"/>
                  <a:pt x="0" y="2276555"/>
                </a:cubicBezTo>
                <a:cubicBezTo>
                  <a:pt x="94" y="1902965"/>
                  <a:pt x="286270" y="1591374"/>
                  <a:pt x="659250" y="1558758"/>
                </a:cubicBezTo>
                <a:cubicBezTo>
                  <a:pt x="805046" y="869957"/>
                  <a:pt x="1417680" y="352967"/>
                  <a:pt x="2151385" y="352967"/>
                </a:cubicBezTo>
                <a:close/>
                <a:moveTo>
                  <a:pt x="3388708" y="29"/>
                </a:moveTo>
                <a:cubicBezTo>
                  <a:pt x="3540900" y="-2128"/>
                  <a:pt x="3666022" y="119227"/>
                  <a:pt x="3668182" y="271086"/>
                </a:cubicBezTo>
                <a:cubicBezTo>
                  <a:pt x="3670344" y="422940"/>
                  <a:pt x="3548723" y="547793"/>
                  <a:pt x="3396537" y="549950"/>
                </a:cubicBezTo>
                <a:cubicBezTo>
                  <a:pt x="3393926" y="549988"/>
                  <a:pt x="3391320" y="549988"/>
                  <a:pt x="3388708" y="549950"/>
                </a:cubicBezTo>
                <a:cubicBezTo>
                  <a:pt x="3236516" y="547793"/>
                  <a:pt x="3114896" y="422940"/>
                  <a:pt x="3117057" y="271086"/>
                </a:cubicBezTo>
                <a:cubicBezTo>
                  <a:pt x="3119174" y="122270"/>
                  <a:pt x="3239567" y="2141"/>
                  <a:pt x="3388708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7082901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F18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rgbClr val="18407F"/>
                </a:solidFill>
              </a:defRPr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rgbClr val="18407F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B5B95F84-DF1D-7F43-A77B-2F6C8137CC61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9815" y="1792627"/>
            <a:ext cx="4079894" cy="4640867"/>
          </a:xfrm>
          <a:custGeom>
            <a:avLst/>
            <a:gdLst>
              <a:gd name="connsiteX0" fmla="*/ 4079894 w 4079894"/>
              <a:gd name="connsiteY0" fmla="*/ 2721932 h 4640867"/>
              <a:gd name="connsiteX1" fmla="*/ 4079894 w 4079894"/>
              <a:gd name="connsiteY1" fmla="*/ 4640867 h 4640867"/>
              <a:gd name="connsiteX2" fmla="*/ 4002863 w 4079894"/>
              <a:gd name="connsiteY2" fmla="*/ 4619668 h 4640867"/>
              <a:gd name="connsiteX3" fmla="*/ 3869824 w 4079894"/>
              <a:gd name="connsiteY3" fmla="*/ 4561232 h 4640867"/>
              <a:gd name="connsiteX4" fmla="*/ 3455559 w 4079894"/>
              <a:gd name="connsiteY4" fmla="*/ 3216884 h 4640867"/>
              <a:gd name="connsiteX5" fmla="*/ 4028247 w 4079894"/>
              <a:gd name="connsiteY5" fmla="*/ 2735045 h 4640867"/>
              <a:gd name="connsiteX6" fmla="*/ 4079894 w 4079894"/>
              <a:gd name="connsiteY6" fmla="*/ 335573 h 4640867"/>
              <a:gd name="connsiteX7" fmla="*/ 4079894 w 4079894"/>
              <a:gd name="connsiteY7" fmla="*/ 1594144 h 4640867"/>
              <a:gd name="connsiteX8" fmla="*/ 4032129 w 4079894"/>
              <a:gd name="connsiteY8" fmla="*/ 1608965 h 4640867"/>
              <a:gd name="connsiteX9" fmla="*/ 3913267 w 4079894"/>
              <a:gd name="connsiteY9" fmla="*/ 1620920 h 4640867"/>
              <a:gd name="connsiteX10" fmla="*/ 3913043 w 4079894"/>
              <a:gd name="connsiteY10" fmla="*/ 1620920 h 4640867"/>
              <a:gd name="connsiteX11" fmla="*/ 3323330 w 4079894"/>
              <a:gd name="connsiteY11" fmla="*/ 1030863 h 4640867"/>
              <a:gd name="connsiteX12" fmla="*/ 3913043 w 4079894"/>
              <a:gd name="connsiteY12" fmla="*/ 440751 h 4640867"/>
              <a:gd name="connsiteX13" fmla="*/ 4052997 w 4079894"/>
              <a:gd name="connsiteY13" fmla="*/ 457555 h 4640867"/>
              <a:gd name="connsiteX14" fmla="*/ 4052997 w 4079894"/>
              <a:gd name="connsiteY14" fmla="*/ 453074 h 4640867"/>
              <a:gd name="connsiteX15" fmla="*/ 4074812 w 4079894"/>
              <a:gd name="connsiteY15" fmla="*/ 344943 h 4640867"/>
              <a:gd name="connsiteX16" fmla="*/ 782492 w 4079894"/>
              <a:gd name="connsiteY16" fmla="*/ 182861 h 4640867"/>
              <a:gd name="connsiteX17" fmla="*/ 1423155 w 4079894"/>
              <a:gd name="connsiteY17" fmla="*/ 693749 h 4640867"/>
              <a:gd name="connsiteX18" fmla="*/ 1423196 w 4079894"/>
              <a:gd name="connsiteY18" fmla="*/ 693880 h 4640867"/>
              <a:gd name="connsiteX19" fmla="*/ 1451186 w 4079894"/>
              <a:gd name="connsiteY19" fmla="*/ 824843 h 4640867"/>
              <a:gd name="connsiteX20" fmla="*/ 3171787 w 4079894"/>
              <a:gd name="connsiteY20" fmla="*/ 1886933 h 4640867"/>
              <a:gd name="connsiteX21" fmla="*/ 2158012 w 4079894"/>
              <a:gd name="connsiteY21" fmla="*/ 3810414 h 4640867"/>
              <a:gd name="connsiteX22" fmla="*/ 2157844 w 4079894"/>
              <a:gd name="connsiteY22" fmla="*/ 3810694 h 4640867"/>
              <a:gd name="connsiteX23" fmla="*/ 235486 w 4079894"/>
              <a:gd name="connsiteY23" fmla="*/ 2796832 h 4640867"/>
              <a:gd name="connsiteX24" fmla="*/ 385404 w 4079894"/>
              <a:gd name="connsiteY24" fmla="*/ 1551462 h 4640867"/>
              <a:gd name="connsiteX25" fmla="*/ 32720 w 4079894"/>
              <a:gd name="connsiteY25" fmla="*/ 1124463 h 4640867"/>
              <a:gd name="connsiteX26" fmla="*/ 32719 w 4079894"/>
              <a:gd name="connsiteY26" fmla="*/ 1124463 h 4640867"/>
              <a:gd name="connsiteX27" fmla="*/ 512651 w 4079894"/>
              <a:gd name="connsiteY27" fmla="*/ 213612 h 4640867"/>
              <a:gd name="connsiteX28" fmla="*/ 657128 w 4079894"/>
              <a:gd name="connsiteY28" fmla="*/ 184324 h 4640867"/>
              <a:gd name="connsiteX29" fmla="*/ 782492 w 4079894"/>
              <a:gd name="connsiteY29" fmla="*/ 182861 h 4640867"/>
              <a:gd name="connsiteX30" fmla="*/ 2438466 w 4079894"/>
              <a:gd name="connsiteY30" fmla="*/ 29 h 4640867"/>
              <a:gd name="connsiteX31" fmla="*/ 2447550 w 4079894"/>
              <a:gd name="connsiteY31" fmla="*/ 29 h 4640867"/>
              <a:gd name="connsiteX32" fmla="*/ 2820649 w 4079894"/>
              <a:gd name="connsiteY32" fmla="*/ 364255 h 4640867"/>
              <a:gd name="connsiteX33" fmla="*/ 2456635 w 4079894"/>
              <a:gd name="connsiteY33" fmla="*/ 737572 h 4640867"/>
              <a:gd name="connsiteX34" fmla="*/ 2447550 w 4079894"/>
              <a:gd name="connsiteY34" fmla="*/ 737572 h 4640867"/>
              <a:gd name="connsiteX35" fmla="*/ 2074451 w 4079894"/>
              <a:gd name="connsiteY35" fmla="*/ 373345 h 4640867"/>
              <a:gd name="connsiteX36" fmla="*/ 2438466 w 4079894"/>
              <a:gd name="connsiteY36" fmla="*/ 29 h 46408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</a:cxnLst>
            <a:rect l="l" t="t" r="r" b="b"/>
            <a:pathLst>
              <a:path w="4079894" h="4640867">
                <a:moveTo>
                  <a:pt x="4079894" y="2721932"/>
                </a:moveTo>
                <a:lnTo>
                  <a:pt x="4079894" y="4640867"/>
                </a:lnTo>
                <a:lnTo>
                  <a:pt x="4002863" y="4619668"/>
                </a:lnTo>
                <a:cubicBezTo>
                  <a:pt x="3957585" y="4603615"/>
                  <a:pt x="3913116" y="4584147"/>
                  <a:pt x="3869824" y="4561232"/>
                </a:cubicBezTo>
                <a:cubicBezTo>
                  <a:pt x="3384440" y="4304441"/>
                  <a:pt x="3198976" y="3702582"/>
                  <a:pt x="3455559" y="3216884"/>
                </a:cubicBezTo>
                <a:cubicBezTo>
                  <a:pt x="3577975" y="2984825"/>
                  <a:pt x="3785053" y="2813855"/>
                  <a:pt x="4028247" y="2735045"/>
                </a:cubicBezTo>
                <a:close/>
                <a:moveTo>
                  <a:pt x="4079894" y="335573"/>
                </a:moveTo>
                <a:lnTo>
                  <a:pt x="4079894" y="1594144"/>
                </a:lnTo>
                <a:lnTo>
                  <a:pt x="4032129" y="1608965"/>
                </a:lnTo>
                <a:cubicBezTo>
                  <a:pt x="3993734" y="1616815"/>
                  <a:pt x="3953982" y="1620932"/>
                  <a:pt x="3913267" y="1620920"/>
                </a:cubicBezTo>
                <a:cubicBezTo>
                  <a:pt x="3913191" y="1620920"/>
                  <a:pt x="3913118" y="1620920"/>
                  <a:pt x="3913043" y="1620920"/>
                </a:cubicBezTo>
                <a:cubicBezTo>
                  <a:pt x="3587366" y="1620889"/>
                  <a:pt x="3323360" y="1356730"/>
                  <a:pt x="3323330" y="1030863"/>
                </a:cubicBezTo>
                <a:cubicBezTo>
                  <a:pt x="3323330" y="704975"/>
                  <a:pt x="3587344" y="440782"/>
                  <a:pt x="3913043" y="440751"/>
                </a:cubicBezTo>
                <a:cubicBezTo>
                  <a:pt x="3960196" y="440754"/>
                  <a:pt x="4007181" y="446395"/>
                  <a:pt x="4052997" y="457555"/>
                </a:cubicBezTo>
                <a:cubicBezTo>
                  <a:pt x="4052997" y="456043"/>
                  <a:pt x="4052997" y="454586"/>
                  <a:pt x="4052997" y="453074"/>
                </a:cubicBezTo>
                <a:cubicBezTo>
                  <a:pt x="4052997" y="414719"/>
                  <a:pt x="4060765" y="378179"/>
                  <a:pt x="4074812" y="344943"/>
                </a:cubicBezTo>
                <a:close/>
                <a:moveTo>
                  <a:pt x="782492" y="182861"/>
                </a:moveTo>
                <a:cubicBezTo>
                  <a:pt x="1071814" y="204682"/>
                  <a:pt x="1332107" y="399626"/>
                  <a:pt x="1423155" y="693749"/>
                </a:cubicBezTo>
                <a:cubicBezTo>
                  <a:pt x="1423168" y="693793"/>
                  <a:pt x="1423181" y="693837"/>
                  <a:pt x="1423196" y="693880"/>
                </a:cubicBezTo>
                <a:cubicBezTo>
                  <a:pt x="1436510" y="736586"/>
                  <a:pt x="1445880" y="780424"/>
                  <a:pt x="1451186" y="824843"/>
                </a:cubicBezTo>
                <a:cubicBezTo>
                  <a:pt x="2198320" y="699314"/>
                  <a:pt x="2941590" y="1142781"/>
                  <a:pt x="3171787" y="1886933"/>
                </a:cubicBezTo>
                <a:cubicBezTo>
                  <a:pt x="3422530" y="2698135"/>
                  <a:pt x="2968741" y="3559300"/>
                  <a:pt x="2158012" y="3810414"/>
                </a:cubicBezTo>
                <a:lnTo>
                  <a:pt x="2157844" y="3810694"/>
                </a:lnTo>
                <a:cubicBezTo>
                  <a:pt x="1347116" y="4061807"/>
                  <a:pt x="486451" y="3607754"/>
                  <a:pt x="235486" y="2796832"/>
                </a:cubicBezTo>
                <a:cubicBezTo>
                  <a:pt x="105754" y="2379305"/>
                  <a:pt x="160297" y="1926223"/>
                  <a:pt x="385404" y="1551462"/>
                </a:cubicBezTo>
                <a:cubicBezTo>
                  <a:pt x="216041" y="1461388"/>
                  <a:pt x="89231" y="1307858"/>
                  <a:pt x="32720" y="1124463"/>
                </a:cubicBezTo>
                <a:lnTo>
                  <a:pt x="32719" y="1124463"/>
                </a:lnTo>
                <a:cubicBezTo>
                  <a:pt x="-86076" y="740337"/>
                  <a:pt x="128778" y="332571"/>
                  <a:pt x="512651" y="213612"/>
                </a:cubicBezTo>
                <a:cubicBezTo>
                  <a:pt x="560643" y="198739"/>
                  <a:pt x="609005" y="189083"/>
                  <a:pt x="657128" y="184324"/>
                </a:cubicBezTo>
                <a:cubicBezTo>
                  <a:pt x="699236" y="180160"/>
                  <a:pt x="741160" y="179744"/>
                  <a:pt x="782492" y="182861"/>
                </a:cubicBezTo>
                <a:close/>
                <a:moveTo>
                  <a:pt x="2438466" y="29"/>
                </a:moveTo>
                <a:cubicBezTo>
                  <a:pt x="2441494" y="-9"/>
                  <a:pt x="2444522" y="-9"/>
                  <a:pt x="2447550" y="29"/>
                </a:cubicBezTo>
                <a:cubicBezTo>
                  <a:pt x="2651098" y="-2482"/>
                  <a:pt x="2818140" y="160588"/>
                  <a:pt x="2820649" y="364255"/>
                </a:cubicBezTo>
                <a:cubicBezTo>
                  <a:pt x="2823158" y="567922"/>
                  <a:pt x="2660184" y="735061"/>
                  <a:pt x="2456635" y="737572"/>
                </a:cubicBezTo>
                <a:cubicBezTo>
                  <a:pt x="2453608" y="737609"/>
                  <a:pt x="2450579" y="737609"/>
                  <a:pt x="2447550" y="737572"/>
                </a:cubicBezTo>
                <a:cubicBezTo>
                  <a:pt x="2244002" y="740081"/>
                  <a:pt x="2076960" y="577012"/>
                  <a:pt x="2074451" y="373345"/>
                </a:cubicBezTo>
                <a:cubicBezTo>
                  <a:pt x="2071943" y="169678"/>
                  <a:pt x="2234918" y="2539"/>
                  <a:pt x="2438466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6132028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AFC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F15E8480-598B-4240-97FA-F2F54F021DA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9815" y="1792627"/>
            <a:ext cx="4079894" cy="4640867"/>
          </a:xfrm>
          <a:custGeom>
            <a:avLst/>
            <a:gdLst>
              <a:gd name="connsiteX0" fmla="*/ 4079894 w 4079894"/>
              <a:gd name="connsiteY0" fmla="*/ 2721932 h 4640867"/>
              <a:gd name="connsiteX1" fmla="*/ 4079894 w 4079894"/>
              <a:gd name="connsiteY1" fmla="*/ 4640867 h 4640867"/>
              <a:gd name="connsiteX2" fmla="*/ 4002863 w 4079894"/>
              <a:gd name="connsiteY2" fmla="*/ 4619668 h 4640867"/>
              <a:gd name="connsiteX3" fmla="*/ 3869824 w 4079894"/>
              <a:gd name="connsiteY3" fmla="*/ 4561232 h 4640867"/>
              <a:gd name="connsiteX4" fmla="*/ 3455559 w 4079894"/>
              <a:gd name="connsiteY4" fmla="*/ 3216884 h 4640867"/>
              <a:gd name="connsiteX5" fmla="*/ 4028247 w 4079894"/>
              <a:gd name="connsiteY5" fmla="*/ 2735045 h 4640867"/>
              <a:gd name="connsiteX6" fmla="*/ 4079894 w 4079894"/>
              <a:gd name="connsiteY6" fmla="*/ 335573 h 4640867"/>
              <a:gd name="connsiteX7" fmla="*/ 4079894 w 4079894"/>
              <a:gd name="connsiteY7" fmla="*/ 1594144 h 4640867"/>
              <a:gd name="connsiteX8" fmla="*/ 4032129 w 4079894"/>
              <a:gd name="connsiteY8" fmla="*/ 1608965 h 4640867"/>
              <a:gd name="connsiteX9" fmla="*/ 3913267 w 4079894"/>
              <a:gd name="connsiteY9" fmla="*/ 1620920 h 4640867"/>
              <a:gd name="connsiteX10" fmla="*/ 3913043 w 4079894"/>
              <a:gd name="connsiteY10" fmla="*/ 1620920 h 4640867"/>
              <a:gd name="connsiteX11" fmla="*/ 3323330 w 4079894"/>
              <a:gd name="connsiteY11" fmla="*/ 1030863 h 4640867"/>
              <a:gd name="connsiteX12" fmla="*/ 3913043 w 4079894"/>
              <a:gd name="connsiteY12" fmla="*/ 440751 h 4640867"/>
              <a:gd name="connsiteX13" fmla="*/ 4052997 w 4079894"/>
              <a:gd name="connsiteY13" fmla="*/ 457555 h 4640867"/>
              <a:gd name="connsiteX14" fmla="*/ 4052997 w 4079894"/>
              <a:gd name="connsiteY14" fmla="*/ 453074 h 4640867"/>
              <a:gd name="connsiteX15" fmla="*/ 4074812 w 4079894"/>
              <a:gd name="connsiteY15" fmla="*/ 344943 h 4640867"/>
              <a:gd name="connsiteX16" fmla="*/ 782492 w 4079894"/>
              <a:gd name="connsiteY16" fmla="*/ 182861 h 4640867"/>
              <a:gd name="connsiteX17" fmla="*/ 1423155 w 4079894"/>
              <a:gd name="connsiteY17" fmla="*/ 693749 h 4640867"/>
              <a:gd name="connsiteX18" fmla="*/ 1423196 w 4079894"/>
              <a:gd name="connsiteY18" fmla="*/ 693880 h 4640867"/>
              <a:gd name="connsiteX19" fmla="*/ 1451186 w 4079894"/>
              <a:gd name="connsiteY19" fmla="*/ 824843 h 4640867"/>
              <a:gd name="connsiteX20" fmla="*/ 3171787 w 4079894"/>
              <a:gd name="connsiteY20" fmla="*/ 1886933 h 4640867"/>
              <a:gd name="connsiteX21" fmla="*/ 2158012 w 4079894"/>
              <a:gd name="connsiteY21" fmla="*/ 3810414 h 4640867"/>
              <a:gd name="connsiteX22" fmla="*/ 2157844 w 4079894"/>
              <a:gd name="connsiteY22" fmla="*/ 3810694 h 4640867"/>
              <a:gd name="connsiteX23" fmla="*/ 235486 w 4079894"/>
              <a:gd name="connsiteY23" fmla="*/ 2796832 h 4640867"/>
              <a:gd name="connsiteX24" fmla="*/ 385404 w 4079894"/>
              <a:gd name="connsiteY24" fmla="*/ 1551462 h 4640867"/>
              <a:gd name="connsiteX25" fmla="*/ 32720 w 4079894"/>
              <a:gd name="connsiteY25" fmla="*/ 1124463 h 4640867"/>
              <a:gd name="connsiteX26" fmla="*/ 32719 w 4079894"/>
              <a:gd name="connsiteY26" fmla="*/ 1124463 h 4640867"/>
              <a:gd name="connsiteX27" fmla="*/ 512651 w 4079894"/>
              <a:gd name="connsiteY27" fmla="*/ 213612 h 4640867"/>
              <a:gd name="connsiteX28" fmla="*/ 657128 w 4079894"/>
              <a:gd name="connsiteY28" fmla="*/ 184324 h 4640867"/>
              <a:gd name="connsiteX29" fmla="*/ 782492 w 4079894"/>
              <a:gd name="connsiteY29" fmla="*/ 182861 h 4640867"/>
              <a:gd name="connsiteX30" fmla="*/ 2438466 w 4079894"/>
              <a:gd name="connsiteY30" fmla="*/ 29 h 4640867"/>
              <a:gd name="connsiteX31" fmla="*/ 2447550 w 4079894"/>
              <a:gd name="connsiteY31" fmla="*/ 29 h 4640867"/>
              <a:gd name="connsiteX32" fmla="*/ 2820649 w 4079894"/>
              <a:gd name="connsiteY32" fmla="*/ 364255 h 4640867"/>
              <a:gd name="connsiteX33" fmla="*/ 2456635 w 4079894"/>
              <a:gd name="connsiteY33" fmla="*/ 737572 h 4640867"/>
              <a:gd name="connsiteX34" fmla="*/ 2447550 w 4079894"/>
              <a:gd name="connsiteY34" fmla="*/ 737572 h 4640867"/>
              <a:gd name="connsiteX35" fmla="*/ 2074451 w 4079894"/>
              <a:gd name="connsiteY35" fmla="*/ 373345 h 4640867"/>
              <a:gd name="connsiteX36" fmla="*/ 2438466 w 4079894"/>
              <a:gd name="connsiteY36" fmla="*/ 29 h 46408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</a:cxnLst>
            <a:rect l="l" t="t" r="r" b="b"/>
            <a:pathLst>
              <a:path w="4079894" h="4640867">
                <a:moveTo>
                  <a:pt x="4079894" y="2721932"/>
                </a:moveTo>
                <a:lnTo>
                  <a:pt x="4079894" y="4640867"/>
                </a:lnTo>
                <a:lnTo>
                  <a:pt x="4002863" y="4619668"/>
                </a:lnTo>
                <a:cubicBezTo>
                  <a:pt x="3957585" y="4603615"/>
                  <a:pt x="3913116" y="4584147"/>
                  <a:pt x="3869824" y="4561232"/>
                </a:cubicBezTo>
                <a:cubicBezTo>
                  <a:pt x="3384440" y="4304441"/>
                  <a:pt x="3198976" y="3702582"/>
                  <a:pt x="3455559" y="3216884"/>
                </a:cubicBezTo>
                <a:cubicBezTo>
                  <a:pt x="3577975" y="2984825"/>
                  <a:pt x="3785053" y="2813855"/>
                  <a:pt x="4028247" y="2735045"/>
                </a:cubicBezTo>
                <a:close/>
                <a:moveTo>
                  <a:pt x="4079894" y="335573"/>
                </a:moveTo>
                <a:lnTo>
                  <a:pt x="4079894" y="1594144"/>
                </a:lnTo>
                <a:lnTo>
                  <a:pt x="4032129" y="1608965"/>
                </a:lnTo>
                <a:cubicBezTo>
                  <a:pt x="3993734" y="1616815"/>
                  <a:pt x="3953982" y="1620932"/>
                  <a:pt x="3913267" y="1620920"/>
                </a:cubicBezTo>
                <a:cubicBezTo>
                  <a:pt x="3913191" y="1620920"/>
                  <a:pt x="3913118" y="1620920"/>
                  <a:pt x="3913043" y="1620920"/>
                </a:cubicBezTo>
                <a:cubicBezTo>
                  <a:pt x="3587366" y="1620889"/>
                  <a:pt x="3323360" y="1356730"/>
                  <a:pt x="3323330" y="1030863"/>
                </a:cubicBezTo>
                <a:cubicBezTo>
                  <a:pt x="3323330" y="704975"/>
                  <a:pt x="3587344" y="440782"/>
                  <a:pt x="3913043" y="440751"/>
                </a:cubicBezTo>
                <a:cubicBezTo>
                  <a:pt x="3960196" y="440754"/>
                  <a:pt x="4007181" y="446395"/>
                  <a:pt x="4052997" y="457555"/>
                </a:cubicBezTo>
                <a:cubicBezTo>
                  <a:pt x="4052997" y="456043"/>
                  <a:pt x="4052997" y="454586"/>
                  <a:pt x="4052997" y="453074"/>
                </a:cubicBezTo>
                <a:cubicBezTo>
                  <a:pt x="4052997" y="414719"/>
                  <a:pt x="4060765" y="378179"/>
                  <a:pt x="4074812" y="344943"/>
                </a:cubicBezTo>
                <a:close/>
                <a:moveTo>
                  <a:pt x="782492" y="182861"/>
                </a:moveTo>
                <a:cubicBezTo>
                  <a:pt x="1071814" y="204682"/>
                  <a:pt x="1332107" y="399626"/>
                  <a:pt x="1423155" y="693749"/>
                </a:cubicBezTo>
                <a:cubicBezTo>
                  <a:pt x="1423168" y="693793"/>
                  <a:pt x="1423181" y="693837"/>
                  <a:pt x="1423196" y="693880"/>
                </a:cubicBezTo>
                <a:cubicBezTo>
                  <a:pt x="1436510" y="736586"/>
                  <a:pt x="1445880" y="780424"/>
                  <a:pt x="1451186" y="824843"/>
                </a:cubicBezTo>
                <a:cubicBezTo>
                  <a:pt x="2198320" y="699314"/>
                  <a:pt x="2941590" y="1142781"/>
                  <a:pt x="3171787" y="1886933"/>
                </a:cubicBezTo>
                <a:cubicBezTo>
                  <a:pt x="3422530" y="2698135"/>
                  <a:pt x="2968741" y="3559300"/>
                  <a:pt x="2158012" y="3810414"/>
                </a:cubicBezTo>
                <a:lnTo>
                  <a:pt x="2157844" y="3810694"/>
                </a:lnTo>
                <a:cubicBezTo>
                  <a:pt x="1347116" y="4061807"/>
                  <a:pt x="486451" y="3607754"/>
                  <a:pt x="235486" y="2796832"/>
                </a:cubicBezTo>
                <a:cubicBezTo>
                  <a:pt x="105754" y="2379305"/>
                  <a:pt x="160297" y="1926223"/>
                  <a:pt x="385404" y="1551462"/>
                </a:cubicBezTo>
                <a:cubicBezTo>
                  <a:pt x="216041" y="1461388"/>
                  <a:pt x="89231" y="1307858"/>
                  <a:pt x="32720" y="1124463"/>
                </a:cubicBezTo>
                <a:lnTo>
                  <a:pt x="32719" y="1124463"/>
                </a:lnTo>
                <a:cubicBezTo>
                  <a:pt x="-86076" y="740337"/>
                  <a:pt x="128778" y="332571"/>
                  <a:pt x="512651" y="213612"/>
                </a:cubicBezTo>
                <a:cubicBezTo>
                  <a:pt x="560643" y="198739"/>
                  <a:pt x="609005" y="189083"/>
                  <a:pt x="657128" y="184324"/>
                </a:cubicBezTo>
                <a:cubicBezTo>
                  <a:pt x="699236" y="180160"/>
                  <a:pt x="741160" y="179744"/>
                  <a:pt x="782492" y="182861"/>
                </a:cubicBezTo>
                <a:close/>
                <a:moveTo>
                  <a:pt x="2438466" y="29"/>
                </a:moveTo>
                <a:cubicBezTo>
                  <a:pt x="2441494" y="-9"/>
                  <a:pt x="2444522" y="-9"/>
                  <a:pt x="2447550" y="29"/>
                </a:cubicBezTo>
                <a:cubicBezTo>
                  <a:pt x="2651098" y="-2482"/>
                  <a:pt x="2818140" y="160588"/>
                  <a:pt x="2820649" y="364255"/>
                </a:cubicBezTo>
                <a:cubicBezTo>
                  <a:pt x="2823158" y="567922"/>
                  <a:pt x="2660184" y="735061"/>
                  <a:pt x="2456635" y="737572"/>
                </a:cubicBezTo>
                <a:cubicBezTo>
                  <a:pt x="2453608" y="737609"/>
                  <a:pt x="2450579" y="737609"/>
                  <a:pt x="2447550" y="737572"/>
                </a:cubicBezTo>
                <a:cubicBezTo>
                  <a:pt x="2244002" y="740081"/>
                  <a:pt x="2076960" y="577012"/>
                  <a:pt x="2074451" y="373345"/>
                </a:cubicBezTo>
                <a:cubicBezTo>
                  <a:pt x="2071943" y="169678"/>
                  <a:pt x="2234918" y="2539"/>
                  <a:pt x="2438466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39199477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7E795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9" name="Tijdelijke aanduiding voor afbeelding 8">
            <a:extLst>
              <a:ext uri="{FF2B5EF4-FFF2-40B4-BE49-F238E27FC236}">
                <a16:creationId xmlns:a16="http://schemas.microsoft.com/office/drawing/2014/main" id="{498965F3-21B3-EE41-ABFF-77C05654096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9815" y="1792627"/>
            <a:ext cx="4079894" cy="4640867"/>
          </a:xfrm>
          <a:custGeom>
            <a:avLst/>
            <a:gdLst>
              <a:gd name="connsiteX0" fmla="*/ 4079894 w 4079894"/>
              <a:gd name="connsiteY0" fmla="*/ 2721932 h 4640867"/>
              <a:gd name="connsiteX1" fmla="*/ 4079894 w 4079894"/>
              <a:gd name="connsiteY1" fmla="*/ 4640867 h 4640867"/>
              <a:gd name="connsiteX2" fmla="*/ 4002863 w 4079894"/>
              <a:gd name="connsiteY2" fmla="*/ 4619668 h 4640867"/>
              <a:gd name="connsiteX3" fmla="*/ 3869824 w 4079894"/>
              <a:gd name="connsiteY3" fmla="*/ 4561232 h 4640867"/>
              <a:gd name="connsiteX4" fmla="*/ 3455559 w 4079894"/>
              <a:gd name="connsiteY4" fmla="*/ 3216884 h 4640867"/>
              <a:gd name="connsiteX5" fmla="*/ 4028247 w 4079894"/>
              <a:gd name="connsiteY5" fmla="*/ 2735045 h 4640867"/>
              <a:gd name="connsiteX6" fmla="*/ 4079894 w 4079894"/>
              <a:gd name="connsiteY6" fmla="*/ 335573 h 4640867"/>
              <a:gd name="connsiteX7" fmla="*/ 4079894 w 4079894"/>
              <a:gd name="connsiteY7" fmla="*/ 1594144 h 4640867"/>
              <a:gd name="connsiteX8" fmla="*/ 4032129 w 4079894"/>
              <a:gd name="connsiteY8" fmla="*/ 1608965 h 4640867"/>
              <a:gd name="connsiteX9" fmla="*/ 3913267 w 4079894"/>
              <a:gd name="connsiteY9" fmla="*/ 1620920 h 4640867"/>
              <a:gd name="connsiteX10" fmla="*/ 3913043 w 4079894"/>
              <a:gd name="connsiteY10" fmla="*/ 1620920 h 4640867"/>
              <a:gd name="connsiteX11" fmla="*/ 3323330 w 4079894"/>
              <a:gd name="connsiteY11" fmla="*/ 1030863 h 4640867"/>
              <a:gd name="connsiteX12" fmla="*/ 3913043 w 4079894"/>
              <a:gd name="connsiteY12" fmla="*/ 440751 h 4640867"/>
              <a:gd name="connsiteX13" fmla="*/ 4052997 w 4079894"/>
              <a:gd name="connsiteY13" fmla="*/ 457555 h 4640867"/>
              <a:gd name="connsiteX14" fmla="*/ 4052997 w 4079894"/>
              <a:gd name="connsiteY14" fmla="*/ 453074 h 4640867"/>
              <a:gd name="connsiteX15" fmla="*/ 4074812 w 4079894"/>
              <a:gd name="connsiteY15" fmla="*/ 344943 h 4640867"/>
              <a:gd name="connsiteX16" fmla="*/ 782492 w 4079894"/>
              <a:gd name="connsiteY16" fmla="*/ 182861 h 4640867"/>
              <a:gd name="connsiteX17" fmla="*/ 1423155 w 4079894"/>
              <a:gd name="connsiteY17" fmla="*/ 693749 h 4640867"/>
              <a:gd name="connsiteX18" fmla="*/ 1423196 w 4079894"/>
              <a:gd name="connsiteY18" fmla="*/ 693880 h 4640867"/>
              <a:gd name="connsiteX19" fmla="*/ 1451186 w 4079894"/>
              <a:gd name="connsiteY19" fmla="*/ 824843 h 4640867"/>
              <a:gd name="connsiteX20" fmla="*/ 3171787 w 4079894"/>
              <a:gd name="connsiteY20" fmla="*/ 1886933 h 4640867"/>
              <a:gd name="connsiteX21" fmla="*/ 2158012 w 4079894"/>
              <a:gd name="connsiteY21" fmla="*/ 3810414 h 4640867"/>
              <a:gd name="connsiteX22" fmla="*/ 2157844 w 4079894"/>
              <a:gd name="connsiteY22" fmla="*/ 3810694 h 4640867"/>
              <a:gd name="connsiteX23" fmla="*/ 235486 w 4079894"/>
              <a:gd name="connsiteY23" fmla="*/ 2796832 h 4640867"/>
              <a:gd name="connsiteX24" fmla="*/ 385404 w 4079894"/>
              <a:gd name="connsiteY24" fmla="*/ 1551462 h 4640867"/>
              <a:gd name="connsiteX25" fmla="*/ 32720 w 4079894"/>
              <a:gd name="connsiteY25" fmla="*/ 1124463 h 4640867"/>
              <a:gd name="connsiteX26" fmla="*/ 32719 w 4079894"/>
              <a:gd name="connsiteY26" fmla="*/ 1124463 h 4640867"/>
              <a:gd name="connsiteX27" fmla="*/ 512651 w 4079894"/>
              <a:gd name="connsiteY27" fmla="*/ 213612 h 4640867"/>
              <a:gd name="connsiteX28" fmla="*/ 657128 w 4079894"/>
              <a:gd name="connsiteY28" fmla="*/ 184324 h 4640867"/>
              <a:gd name="connsiteX29" fmla="*/ 782492 w 4079894"/>
              <a:gd name="connsiteY29" fmla="*/ 182861 h 4640867"/>
              <a:gd name="connsiteX30" fmla="*/ 2438466 w 4079894"/>
              <a:gd name="connsiteY30" fmla="*/ 29 h 4640867"/>
              <a:gd name="connsiteX31" fmla="*/ 2447550 w 4079894"/>
              <a:gd name="connsiteY31" fmla="*/ 29 h 4640867"/>
              <a:gd name="connsiteX32" fmla="*/ 2820649 w 4079894"/>
              <a:gd name="connsiteY32" fmla="*/ 364255 h 4640867"/>
              <a:gd name="connsiteX33" fmla="*/ 2456635 w 4079894"/>
              <a:gd name="connsiteY33" fmla="*/ 737572 h 4640867"/>
              <a:gd name="connsiteX34" fmla="*/ 2447550 w 4079894"/>
              <a:gd name="connsiteY34" fmla="*/ 737572 h 4640867"/>
              <a:gd name="connsiteX35" fmla="*/ 2074451 w 4079894"/>
              <a:gd name="connsiteY35" fmla="*/ 373345 h 4640867"/>
              <a:gd name="connsiteX36" fmla="*/ 2438466 w 4079894"/>
              <a:gd name="connsiteY36" fmla="*/ 29 h 46408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</a:cxnLst>
            <a:rect l="l" t="t" r="r" b="b"/>
            <a:pathLst>
              <a:path w="4079894" h="4640867">
                <a:moveTo>
                  <a:pt x="4079894" y="2721932"/>
                </a:moveTo>
                <a:lnTo>
                  <a:pt x="4079894" y="4640867"/>
                </a:lnTo>
                <a:lnTo>
                  <a:pt x="4002863" y="4619668"/>
                </a:lnTo>
                <a:cubicBezTo>
                  <a:pt x="3957585" y="4603615"/>
                  <a:pt x="3913116" y="4584147"/>
                  <a:pt x="3869824" y="4561232"/>
                </a:cubicBezTo>
                <a:cubicBezTo>
                  <a:pt x="3384440" y="4304441"/>
                  <a:pt x="3198976" y="3702582"/>
                  <a:pt x="3455559" y="3216884"/>
                </a:cubicBezTo>
                <a:cubicBezTo>
                  <a:pt x="3577975" y="2984825"/>
                  <a:pt x="3785053" y="2813855"/>
                  <a:pt x="4028247" y="2735045"/>
                </a:cubicBezTo>
                <a:close/>
                <a:moveTo>
                  <a:pt x="4079894" y="335573"/>
                </a:moveTo>
                <a:lnTo>
                  <a:pt x="4079894" y="1594144"/>
                </a:lnTo>
                <a:lnTo>
                  <a:pt x="4032129" y="1608965"/>
                </a:lnTo>
                <a:cubicBezTo>
                  <a:pt x="3993734" y="1616815"/>
                  <a:pt x="3953982" y="1620932"/>
                  <a:pt x="3913267" y="1620920"/>
                </a:cubicBezTo>
                <a:cubicBezTo>
                  <a:pt x="3913191" y="1620920"/>
                  <a:pt x="3913118" y="1620920"/>
                  <a:pt x="3913043" y="1620920"/>
                </a:cubicBezTo>
                <a:cubicBezTo>
                  <a:pt x="3587366" y="1620889"/>
                  <a:pt x="3323360" y="1356730"/>
                  <a:pt x="3323330" y="1030863"/>
                </a:cubicBezTo>
                <a:cubicBezTo>
                  <a:pt x="3323330" y="704975"/>
                  <a:pt x="3587344" y="440782"/>
                  <a:pt x="3913043" y="440751"/>
                </a:cubicBezTo>
                <a:cubicBezTo>
                  <a:pt x="3960196" y="440754"/>
                  <a:pt x="4007181" y="446395"/>
                  <a:pt x="4052997" y="457555"/>
                </a:cubicBezTo>
                <a:cubicBezTo>
                  <a:pt x="4052997" y="456043"/>
                  <a:pt x="4052997" y="454586"/>
                  <a:pt x="4052997" y="453074"/>
                </a:cubicBezTo>
                <a:cubicBezTo>
                  <a:pt x="4052997" y="414719"/>
                  <a:pt x="4060765" y="378179"/>
                  <a:pt x="4074812" y="344943"/>
                </a:cubicBezTo>
                <a:close/>
                <a:moveTo>
                  <a:pt x="782492" y="182861"/>
                </a:moveTo>
                <a:cubicBezTo>
                  <a:pt x="1071814" y="204682"/>
                  <a:pt x="1332107" y="399626"/>
                  <a:pt x="1423155" y="693749"/>
                </a:cubicBezTo>
                <a:cubicBezTo>
                  <a:pt x="1423168" y="693793"/>
                  <a:pt x="1423181" y="693837"/>
                  <a:pt x="1423196" y="693880"/>
                </a:cubicBezTo>
                <a:cubicBezTo>
                  <a:pt x="1436510" y="736586"/>
                  <a:pt x="1445880" y="780424"/>
                  <a:pt x="1451186" y="824843"/>
                </a:cubicBezTo>
                <a:cubicBezTo>
                  <a:pt x="2198320" y="699314"/>
                  <a:pt x="2941590" y="1142781"/>
                  <a:pt x="3171787" y="1886933"/>
                </a:cubicBezTo>
                <a:cubicBezTo>
                  <a:pt x="3422530" y="2698135"/>
                  <a:pt x="2968741" y="3559300"/>
                  <a:pt x="2158012" y="3810414"/>
                </a:cubicBezTo>
                <a:lnTo>
                  <a:pt x="2157844" y="3810694"/>
                </a:lnTo>
                <a:cubicBezTo>
                  <a:pt x="1347116" y="4061807"/>
                  <a:pt x="486451" y="3607754"/>
                  <a:pt x="235486" y="2796832"/>
                </a:cubicBezTo>
                <a:cubicBezTo>
                  <a:pt x="105754" y="2379305"/>
                  <a:pt x="160297" y="1926223"/>
                  <a:pt x="385404" y="1551462"/>
                </a:cubicBezTo>
                <a:cubicBezTo>
                  <a:pt x="216041" y="1461388"/>
                  <a:pt x="89231" y="1307858"/>
                  <a:pt x="32720" y="1124463"/>
                </a:cubicBezTo>
                <a:lnTo>
                  <a:pt x="32719" y="1124463"/>
                </a:lnTo>
                <a:cubicBezTo>
                  <a:pt x="-86076" y="740337"/>
                  <a:pt x="128778" y="332571"/>
                  <a:pt x="512651" y="213612"/>
                </a:cubicBezTo>
                <a:cubicBezTo>
                  <a:pt x="560643" y="198739"/>
                  <a:pt x="609005" y="189083"/>
                  <a:pt x="657128" y="184324"/>
                </a:cubicBezTo>
                <a:cubicBezTo>
                  <a:pt x="699236" y="180160"/>
                  <a:pt x="741160" y="179744"/>
                  <a:pt x="782492" y="182861"/>
                </a:cubicBezTo>
                <a:close/>
                <a:moveTo>
                  <a:pt x="2438466" y="29"/>
                </a:moveTo>
                <a:cubicBezTo>
                  <a:pt x="2441494" y="-9"/>
                  <a:pt x="2444522" y="-9"/>
                  <a:pt x="2447550" y="29"/>
                </a:cubicBezTo>
                <a:cubicBezTo>
                  <a:pt x="2651098" y="-2482"/>
                  <a:pt x="2818140" y="160588"/>
                  <a:pt x="2820649" y="364255"/>
                </a:cubicBezTo>
                <a:cubicBezTo>
                  <a:pt x="2823158" y="567922"/>
                  <a:pt x="2660184" y="735061"/>
                  <a:pt x="2456635" y="737572"/>
                </a:cubicBezTo>
                <a:cubicBezTo>
                  <a:pt x="2453608" y="737609"/>
                  <a:pt x="2450579" y="737609"/>
                  <a:pt x="2447550" y="737572"/>
                </a:cubicBezTo>
                <a:cubicBezTo>
                  <a:pt x="2244002" y="740081"/>
                  <a:pt x="2076960" y="577012"/>
                  <a:pt x="2074451" y="373345"/>
                </a:cubicBezTo>
                <a:cubicBezTo>
                  <a:pt x="2071943" y="169678"/>
                  <a:pt x="2234918" y="2539"/>
                  <a:pt x="2438466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4303563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B178E9A-64EC-4246-935A-872BB7917B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5040311" cy="720725"/>
          </a:xfrm>
        </p:spPr>
        <p:txBody>
          <a:bodyPr/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BA96D8E4-9960-724D-830C-3D9B8164CC9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055688" y="1628774"/>
            <a:ext cx="5040312" cy="4860925"/>
          </a:xfrm>
        </p:spPr>
        <p:txBody>
          <a:bodyPr/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59EB8A04-04AA-0344-89C0-2728D0E377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ED62EC47-1C6D-6A42-9A8D-2D5A19B4F6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015018D7-AC08-C54D-8A37-9AC9933821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sp>
        <p:nvSpPr>
          <p:cNvPr id="8" name="Tijdelijke aanduiding voor afbeelding 7">
            <a:extLst>
              <a:ext uri="{FF2B5EF4-FFF2-40B4-BE49-F238E27FC236}">
                <a16:creationId xmlns:a16="http://schemas.microsoft.com/office/drawing/2014/main" id="{B0834E5F-F5D9-524D-8219-20C1557DCAE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816311" y="1079501"/>
            <a:ext cx="4320000" cy="4393162"/>
          </a:xfrm>
          <a:custGeom>
            <a:avLst/>
            <a:gdLst>
              <a:gd name="connsiteX0" fmla="*/ 3399584 w 3779837"/>
              <a:gd name="connsiteY0" fmla="*/ 125725 h 3843851"/>
              <a:gd name="connsiteX1" fmla="*/ 3634220 w 3779837"/>
              <a:gd name="connsiteY1" fmla="*/ 360361 h 3843851"/>
              <a:gd name="connsiteX2" fmla="*/ 3399584 w 3779837"/>
              <a:gd name="connsiteY2" fmla="*/ 594997 h 3843851"/>
              <a:gd name="connsiteX3" fmla="*/ 3164948 w 3779837"/>
              <a:gd name="connsiteY3" fmla="*/ 360361 h 3843851"/>
              <a:gd name="connsiteX4" fmla="*/ 3399584 w 3779837"/>
              <a:gd name="connsiteY4" fmla="*/ 125725 h 3843851"/>
              <a:gd name="connsiteX5" fmla="*/ 1744302 w 3779837"/>
              <a:gd name="connsiteY5" fmla="*/ 0 h 3843851"/>
              <a:gd name="connsiteX6" fmla="*/ 3488604 w 3779837"/>
              <a:gd name="connsiteY6" fmla="*/ 1744302 h 3843851"/>
              <a:gd name="connsiteX7" fmla="*/ 3351528 w 3779837"/>
              <a:gd name="connsiteY7" fmla="*/ 2423263 h 3843851"/>
              <a:gd name="connsiteX8" fmla="*/ 3314627 w 3779837"/>
              <a:gd name="connsiteY8" fmla="*/ 2499866 h 3843851"/>
              <a:gd name="connsiteX9" fmla="*/ 3356789 w 3779837"/>
              <a:gd name="connsiteY9" fmla="*/ 2512954 h 3843851"/>
              <a:gd name="connsiteX10" fmla="*/ 3779837 w 3779837"/>
              <a:gd name="connsiteY10" fmla="*/ 3151186 h 3843851"/>
              <a:gd name="connsiteX11" fmla="*/ 3087172 w 3779837"/>
              <a:gd name="connsiteY11" fmla="*/ 3843851 h 3843851"/>
              <a:gd name="connsiteX12" fmla="*/ 2448940 w 3779837"/>
              <a:gd name="connsiteY12" fmla="*/ 3420803 h 3843851"/>
              <a:gd name="connsiteX13" fmla="*/ 2426893 w 3779837"/>
              <a:gd name="connsiteY13" fmla="*/ 3349779 h 3843851"/>
              <a:gd name="connsiteX14" fmla="*/ 2423263 w 3779837"/>
              <a:gd name="connsiteY14" fmla="*/ 3351528 h 3843851"/>
              <a:gd name="connsiteX15" fmla="*/ 1744302 w 3779837"/>
              <a:gd name="connsiteY15" fmla="*/ 3488604 h 3843851"/>
              <a:gd name="connsiteX16" fmla="*/ 0 w 3779837"/>
              <a:gd name="connsiteY16" fmla="*/ 1744302 h 3843851"/>
              <a:gd name="connsiteX17" fmla="*/ 1744302 w 3779837"/>
              <a:gd name="connsiteY17" fmla="*/ 0 h 38438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3779837" h="3843851">
                <a:moveTo>
                  <a:pt x="3399584" y="125725"/>
                </a:moveTo>
                <a:cubicBezTo>
                  <a:pt x="3529170" y="125725"/>
                  <a:pt x="3634220" y="230775"/>
                  <a:pt x="3634220" y="360361"/>
                </a:cubicBezTo>
                <a:cubicBezTo>
                  <a:pt x="3634220" y="489947"/>
                  <a:pt x="3529170" y="594997"/>
                  <a:pt x="3399584" y="594997"/>
                </a:cubicBezTo>
                <a:cubicBezTo>
                  <a:pt x="3269998" y="594997"/>
                  <a:pt x="3164948" y="489947"/>
                  <a:pt x="3164948" y="360361"/>
                </a:cubicBezTo>
                <a:cubicBezTo>
                  <a:pt x="3164948" y="230775"/>
                  <a:pt x="3269998" y="125725"/>
                  <a:pt x="3399584" y="125725"/>
                </a:cubicBezTo>
                <a:close/>
                <a:moveTo>
                  <a:pt x="1744302" y="0"/>
                </a:moveTo>
                <a:cubicBezTo>
                  <a:pt x="2707653" y="0"/>
                  <a:pt x="3488604" y="780951"/>
                  <a:pt x="3488604" y="1744302"/>
                </a:cubicBezTo>
                <a:cubicBezTo>
                  <a:pt x="3488604" y="1985140"/>
                  <a:pt x="3439795" y="2214578"/>
                  <a:pt x="3351528" y="2423263"/>
                </a:cubicBezTo>
                <a:lnTo>
                  <a:pt x="3314627" y="2499866"/>
                </a:lnTo>
                <a:lnTo>
                  <a:pt x="3356789" y="2512954"/>
                </a:lnTo>
                <a:cubicBezTo>
                  <a:pt x="3605396" y="2618107"/>
                  <a:pt x="3779837" y="2864275"/>
                  <a:pt x="3779837" y="3151186"/>
                </a:cubicBezTo>
                <a:cubicBezTo>
                  <a:pt x="3779837" y="3533734"/>
                  <a:pt x="3469720" y="3843851"/>
                  <a:pt x="3087172" y="3843851"/>
                </a:cubicBezTo>
                <a:cubicBezTo>
                  <a:pt x="2800261" y="3843851"/>
                  <a:pt x="2554092" y="3669410"/>
                  <a:pt x="2448940" y="3420803"/>
                </a:cubicBezTo>
                <a:lnTo>
                  <a:pt x="2426893" y="3349779"/>
                </a:lnTo>
                <a:lnTo>
                  <a:pt x="2423263" y="3351528"/>
                </a:lnTo>
                <a:cubicBezTo>
                  <a:pt x="2214577" y="3439795"/>
                  <a:pt x="1985140" y="3488604"/>
                  <a:pt x="1744302" y="3488604"/>
                </a:cubicBezTo>
                <a:cubicBezTo>
                  <a:pt x="780951" y="3488604"/>
                  <a:pt x="0" y="2707653"/>
                  <a:pt x="0" y="1744302"/>
                </a:cubicBezTo>
                <a:cubicBezTo>
                  <a:pt x="0" y="780951"/>
                  <a:pt x="780951" y="0"/>
                  <a:pt x="1744302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icoon om foto van </a:t>
            </a:r>
            <a:br>
              <a:rPr lang="nl-NL" dirty="0"/>
            </a:br>
            <a:r>
              <a:rPr lang="nl-NL" dirty="0"/>
              <a:t>de spreker in te voegen</a:t>
            </a:r>
          </a:p>
        </p:txBody>
      </p:sp>
    </p:spTree>
    <p:extLst>
      <p:ext uri="{BB962C8B-B14F-4D97-AF65-F5344CB8AC3E}">
        <p14:creationId xmlns:p14="http://schemas.microsoft.com/office/powerpoint/2010/main" val="36025125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jdelijke aanduiding voor afbeelding 20">
            <a:extLst>
              <a:ext uri="{FF2B5EF4-FFF2-40B4-BE49-F238E27FC236}">
                <a16:creationId xmlns:a16="http://schemas.microsoft.com/office/drawing/2014/main" id="{D0F8651F-2E29-9444-AD55-04095B642D65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055688" y="1060451"/>
            <a:ext cx="4320000" cy="4393162"/>
          </a:xfrm>
          <a:custGeom>
            <a:avLst/>
            <a:gdLst>
              <a:gd name="connsiteX0" fmla="*/ 3399584 w 3779837"/>
              <a:gd name="connsiteY0" fmla="*/ 125725 h 3843851"/>
              <a:gd name="connsiteX1" fmla="*/ 3634220 w 3779837"/>
              <a:gd name="connsiteY1" fmla="*/ 360361 h 3843851"/>
              <a:gd name="connsiteX2" fmla="*/ 3399584 w 3779837"/>
              <a:gd name="connsiteY2" fmla="*/ 594997 h 3843851"/>
              <a:gd name="connsiteX3" fmla="*/ 3164948 w 3779837"/>
              <a:gd name="connsiteY3" fmla="*/ 360361 h 3843851"/>
              <a:gd name="connsiteX4" fmla="*/ 3399584 w 3779837"/>
              <a:gd name="connsiteY4" fmla="*/ 125725 h 3843851"/>
              <a:gd name="connsiteX5" fmla="*/ 1744302 w 3779837"/>
              <a:gd name="connsiteY5" fmla="*/ 0 h 3843851"/>
              <a:gd name="connsiteX6" fmla="*/ 3488604 w 3779837"/>
              <a:gd name="connsiteY6" fmla="*/ 1744302 h 3843851"/>
              <a:gd name="connsiteX7" fmla="*/ 3351528 w 3779837"/>
              <a:gd name="connsiteY7" fmla="*/ 2423263 h 3843851"/>
              <a:gd name="connsiteX8" fmla="*/ 3314627 w 3779837"/>
              <a:gd name="connsiteY8" fmla="*/ 2499866 h 3843851"/>
              <a:gd name="connsiteX9" fmla="*/ 3356789 w 3779837"/>
              <a:gd name="connsiteY9" fmla="*/ 2512954 h 3843851"/>
              <a:gd name="connsiteX10" fmla="*/ 3779837 w 3779837"/>
              <a:gd name="connsiteY10" fmla="*/ 3151186 h 3843851"/>
              <a:gd name="connsiteX11" fmla="*/ 3087172 w 3779837"/>
              <a:gd name="connsiteY11" fmla="*/ 3843851 h 3843851"/>
              <a:gd name="connsiteX12" fmla="*/ 2448940 w 3779837"/>
              <a:gd name="connsiteY12" fmla="*/ 3420803 h 3843851"/>
              <a:gd name="connsiteX13" fmla="*/ 2426893 w 3779837"/>
              <a:gd name="connsiteY13" fmla="*/ 3349779 h 3843851"/>
              <a:gd name="connsiteX14" fmla="*/ 2423263 w 3779837"/>
              <a:gd name="connsiteY14" fmla="*/ 3351528 h 3843851"/>
              <a:gd name="connsiteX15" fmla="*/ 1744302 w 3779837"/>
              <a:gd name="connsiteY15" fmla="*/ 3488604 h 3843851"/>
              <a:gd name="connsiteX16" fmla="*/ 0 w 3779837"/>
              <a:gd name="connsiteY16" fmla="*/ 1744302 h 3843851"/>
              <a:gd name="connsiteX17" fmla="*/ 1744302 w 3779837"/>
              <a:gd name="connsiteY17" fmla="*/ 0 h 38438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3779837" h="3843851">
                <a:moveTo>
                  <a:pt x="3399584" y="125725"/>
                </a:moveTo>
                <a:cubicBezTo>
                  <a:pt x="3529170" y="125725"/>
                  <a:pt x="3634220" y="230775"/>
                  <a:pt x="3634220" y="360361"/>
                </a:cubicBezTo>
                <a:cubicBezTo>
                  <a:pt x="3634220" y="489947"/>
                  <a:pt x="3529170" y="594997"/>
                  <a:pt x="3399584" y="594997"/>
                </a:cubicBezTo>
                <a:cubicBezTo>
                  <a:pt x="3269998" y="594997"/>
                  <a:pt x="3164948" y="489947"/>
                  <a:pt x="3164948" y="360361"/>
                </a:cubicBezTo>
                <a:cubicBezTo>
                  <a:pt x="3164948" y="230775"/>
                  <a:pt x="3269998" y="125725"/>
                  <a:pt x="3399584" y="125725"/>
                </a:cubicBezTo>
                <a:close/>
                <a:moveTo>
                  <a:pt x="1744302" y="0"/>
                </a:moveTo>
                <a:cubicBezTo>
                  <a:pt x="2707653" y="0"/>
                  <a:pt x="3488604" y="780951"/>
                  <a:pt x="3488604" y="1744302"/>
                </a:cubicBezTo>
                <a:cubicBezTo>
                  <a:pt x="3488604" y="1985140"/>
                  <a:pt x="3439795" y="2214578"/>
                  <a:pt x="3351528" y="2423263"/>
                </a:cubicBezTo>
                <a:lnTo>
                  <a:pt x="3314627" y="2499866"/>
                </a:lnTo>
                <a:lnTo>
                  <a:pt x="3356789" y="2512954"/>
                </a:lnTo>
                <a:cubicBezTo>
                  <a:pt x="3605396" y="2618107"/>
                  <a:pt x="3779837" y="2864275"/>
                  <a:pt x="3779837" y="3151186"/>
                </a:cubicBezTo>
                <a:cubicBezTo>
                  <a:pt x="3779837" y="3533734"/>
                  <a:pt x="3469720" y="3843851"/>
                  <a:pt x="3087172" y="3843851"/>
                </a:cubicBezTo>
                <a:cubicBezTo>
                  <a:pt x="2800261" y="3843851"/>
                  <a:pt x="2554092" y="3669410"/>
                  <a:pt x="2448940" y="3420803"/>
                </a:cubicBezTo>
                <a:lnTo>
                  <a:pt x="2426893" y="3349779"/>
                </a:lnTo>
                <a:lnTo>
                  <a:pt x="2423263" y="3351528"/>
                </a:lnTo>
                <a:cubicBezTo>
                  <a:pt x="2214577" y="3439795"/>
                  <a:pt x="1985140" y="3488604"/>
                  <a:pt x="1744302" y="3488604"/>
                </a:cubicBezTo>
                <a:cubicBezTo>
                  <a:pt x="780951" y="3488604"/>
                  <a:pt x="0" y="2707653"/>
                  <a:pt x="0" y="1744302"/>
                </a:cubicBezTo>
                <a:cubicBezTo>
                  <a:pt x="0" y="780951"/>
                  <a:pt x="780951" y="0"/>
                  <a:pt x="1744302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icoon om foto van </a:t>
            </a:r>
            <a:br>
              <a:rPr lang="nl-NL" dirty="0"/>
            </a:br>
            <a:r>
              <a:rPr lang="nl-NL" dirty="0"/>
              <a:t>de spreker in te voegen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EB178E9A-64EC-4246-935A-872BB7917B2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5999" y="908049"/>
            <a:ext cx="5040314" cy="720725"/>
          </a:xfrm>
        </p:spPr>
        <p:txBody>
          <a:bodyPr/>
          <a:lstStyle/>
          <a:p>
            <a:r>
              <a:rPr lang="nl-NL" dirty="0"/>
              <a:t>Naam van de spreker</a:t>
            </a:r>
          </a:p>
        </p:txBody>
      </p:sp>
      <p:sp>
        <p:nvSpPr>
          <p:cNvPr id="4" name="Tijdelijke aanduiding voor inhoud 3">
            <a:extLst>
              <a:ext uri="{FF2B5EF4-FFF2-40B4-BE49-F238E27FC236}">
                <a16:creationId xmlns:a16="http://schemas.microsoft.com/office/drawing/2014/main" id="{AA6C15FD-9CCB-984C-9858-5C99A29E829F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096000" y="1628774"/>
            <a:ext cx="5040313" cy="4860925"/>
          </a:xfrm>
        </p:spPr>
        <p:txBody>
          <a:bodyPr/>
          <a:lstStyle>
            <a:lvl1pPr>
              <a:buNone/>
              <a:defRPr/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nl-NL" dirty="0"/>
              <a:t>Hier een korte bio van de spreker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59EB8A04-04AA-0344-89C0-2728D0E377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ED62EC47-1C6D-6A42-9A8D-2D5A19B4F6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015018D7-AC08-C54D-8A37-9AC9933821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pPr algn="r"/>
            <a:fld id="{D673B436-E1E6-9A4F-9770-556D9C186C90}" type="slidenum">
              <a:rPr lang="nl-NL" smtClean="0"/>
              <a:pPr algn="r"/>
              <a:t>‹nr.›</a:t>
            </a:fld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30877887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hoek 6">
            <a:extLst>
              <a:ext uri="{FF2B5EF4-FFF2-40B4-BE49-F238E27FC236}">
                <a16:creationId xmlns:a16="http://schemas.microsoft.com/office/drawing/2014/main" id="{BC4C55A5-5516-BC4B-8A4B-6B78F0A9DE57}"/>
              </a:ext>
            </a:extLst>
          </p:cNvPr>
          <p:cNvSpPr/>
          <p:nvPr userDrawn="1"/>
        </p:nvSpPr>
        <p:spPr>
          <a:xfrm>
            <a:off x="0" y="908051"/>
            <a:ext cx="12192000" cy="5581650"/>
          </a:xfrm>
          <a:prstGeom prst="rect">
            <a:avLst/>
          </a:prstGeom>
          <a:solidFill>
            <a:srgbClr val="AFC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E7E34790-1942-3440-A977-B32ABDCDC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55688" y="1628775"/>
            <a:ext cx="7561262" cy="1800225"/>
          </a:xfrm>
        </p:spPr>
        <p:txBody>
          <a:bodyPr anchor="t" anchorCtr="0"/>
          <a:lstStyle>
            <a:lvl1pPr>
              <a:defRPr sz="4800"/>
            </a:lvl1pPr>
          </a:lstStyle>
          <a:p>
            <a:r>
              <a:rPr lang="nl-NL" dirty="0"/>
              <a:t>Hoofdstuk titel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BB3A8A84-BF9E-E947-B892-AA977CA099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/>
              <a:t>23 november 2020</a:t>
            </a:r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1B60CC65-6D52-B846-B9CB-CE3CFD36E5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F31CF44B-A634-3F4C-95CF-6BB7B5DBA1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8541132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hoek 6">
            <a:extLst>
              <a:ext uri="{FF2B5EF4-FFF2-40B4-BE49-F238E27FC236}">
                <a16:creationId xmlns:a16="http://schemas.microsoft.com/office/drawing/2014/main" id="{DE768525-68FB-5947-8527-3B69A1114854}"/>
              </a:ext>
            </a:extLst>
          </p:cNvPr>
          <p:cNvSpPr/>
          <p:nvPr userDrawn="1"/>
        </p:nvSpPr>
        <p:spPr>
          <a:xfrm>
            <a:off x="0" y="908051"/>
            <a:ext cx="12192000" cy="5581650"/>
          </a:xfrm>
          <a:prstGeom prst="rect">
            <a:avLst/>
          </a:prstGeom>
          <a:solidFill>
            <a:srgbClr val="AFC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AFD2D328-F0FD-D042-920F-900EC477E49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4058771" y="908050"/>
            <a:ext cx="8864255" cy="5581650"/>
          </a:xfrm>
          <a:custGeom>
            <a:avLst/>
            <a:gdLst>
              <a:gd name="connsiteX0" fmla="*/ 947843 w 8864255"/>
              <a:gd name="connsiteY0" fmla="*/ 4824527 h 5581650"/>
              <a:gd name="connsiteX1" fmla="*/ 1457243 w 8864255"/>
              <a:gd name="connsiteY1" fmla="*/ 5331797 h 5581650"/>
              <a:gd name="connsiteX2" fmla="*/ 1417214 w 8864255"/>
              <a:gd name="connsiteY2" fmla="*/ 5529255 h 5581650"/>
              <a:gd name="connsiteX3" fmla="*/ 1388657 w 8864255"/>
              <a:gd name="connsiteY3" fmla="*/ 5581650 h 5581650"/>
              <a:gd name="connsiteX4" fmla="*/ 506961 w 8864255"/>
              <a:gd name="connsiteY4" fmla="*/ 5581650 h 5581650"/>
              <a:gd name="connsiteX5" fmla="*/ 478413 w 8864255"/>
              <a:gd name="connsiteY5" fmla="*/ 5529275 h 5581650"/>
              <a:gd name="connsiteX6" fmla="*/ 438377 w 8864255"/>
              <a:gd name="connsiteY6" fmla="*/ 5331797 h 5581650"/>
              <a:gd name="connsiteX7" fmla="*/ 947843 w 8864255"/>
              <a:gd name="connsiteY7" fmla="*/ 4824527 h 5581650"/>
              <a:gd name="connsiteX8" fmla="*/ 4792417 w 8864255"/>
              <a:gd name="connsiteY8" fmla="*/ 3932164 h 5581650"/>
              <a:gd name="connsiteX9" fmla="*/ 4803960 w 8864255"/>
              <a:gd name="connsiteY9" fmla="*/ 3932164 h 5581650"/>
              <a:gd name="connsiteX10" fmla="*/ 5307606 w 8864255"/>
              <a:gd name="connsiteY10" fmla="*/ 4445217 h 5581650"/>
              <a:gd name="connsiteX11" fmla="*/ 4803960 w 8864255"/>
              <a:gd name="connsiteY11" fmla="*/ 4946770 h 5581650"/>
              <a:gd name="connsiteX12" fmla="*/ 4288751 w 8864255"/>
              <a:gd name="connsiteY12" fmla="*/ 4445217 h 5581650"/>
              <a:gd name="connsiteX13" fmla="*/ 4792417 w 8864255"/>
              <a:gd name="connsiteY13" fmla="*/ 3932164 h 5581650"/>
              <a:gd name="connsiteX14" fmla="*/ 7062550 w 8864255"/>
              <a:gd name="connsiteY14" fmla="*/ 3865669 h 5581650"/>
              <a:gd name="connsiteX15" fmla="*/ 7324150 w 8864255"/>
              <a:gd name="connsiteY15" fmla="*/ 4126176 h 5581650"/>
              <a:gd name="connsiteX16" fmla="*/ 7062550 w 8864255"/>
              <a:gd name="connsiteY16" fmla="*/ 4386681 h 5581650"/>
              <a:gd name="connsiteX17" fmla="*/ 6800950 w 8864255"/>
              <a:gd name="connsiteY17" fmla="*/ 4126176 h 5581650"/>
              <a:gd name="connsiteX18" fmla="*/ 7062550 w 8864255"/>
              <a:gd name="connsiteY18" fmla="*/ 3865669 h 5581650"/>
              <a:gd name="connsiteX19" fmla="*/ 8024061 w 8864255"/>
              <a:gd name="connsiteY19" fmla="*/ 3172006 h 5581650"/>
              <a:gd name="connsiteX20" fmla="*/ 8687021 w 8864255"/>
              <a:gd name="connsiteY20" fmla="*/ 3832128 h 5581650"/>
              <a:gd name="connsiteX21" fmla="*/ 8024061 w 8864255"/>
              <a:gd name="connsiteY21" fmla="*/ 4492316 h 5581650"/>
              <a:gd name="connsiteX22" fmla="*/ 7361167 w 8864255"/>
              <a:gd name="connsiteY22" fmla="*/ 3832194 h 5581650"/>
              <a:gd name="connsiteX23" fmla="*/ 7361167 w 8864255"/>
              <a:gd name="connsiteY23" fmla="*/ 3832128 h 5581650"/>
              <a:gd name="connsiteX24" fmla="*/ 8024061 w 8864255"/>
              <a:gd name="connsiteY24" fmla="*/ 3172006 h 5581650"/>
              <a:gd name="connsiteX25" fmla="*/ 2532290 w 8864255"/>
              <a:gd name="connsiteY25" fmla="*/ 1417303 h 5581650"/>
              <a:gd name="connsiteX26" fmla="*/ 4327521 w 8864255"/>
              <a:gd name="connsiteY26" fmla="*/ 3205026 h 5581650"/>
              <a:gd name="connsiteX27" fmla="*/ 2532290 w 8864255"/>
              <a:gd name="connsiteY27" fmla="*/ 4992748 h 5581650"/>
              <a:gd name="connsiteX28" fmla="*/ 1229521 w 8864255"/>
              <a:gd name="connsiteY28" fmla="*/ 4434875 h 5581650"/>
              <a:gd name="connsiteX29" fmla="*/ 850201 w 8864255"/>
              <a:gd name="connsiteY29" fmla="*/ 4523577 h 5581650"/>
              <a:gd name="connsiteX30" fmla="*/ 0 w 8864255"/>
              <a:gd name="connsiteY30" fmla="*/ 3676932 h 5581650"/>
              <a:gd name="connsiteX31" fmla="*/ 775972 w 8864255"/>
              <a:gd name="connsiteY31" fmla="*/ 2833740 h 5581650"/>
              <a:gd name="connsiteX32" fmla="*/ 2532290 w 8864255"/>
              <a:gd name="connsiteY32" fmla="*/ 1417303 h 5581650"/>
              <a:gd name="connsiteX33" fmla="*/ 3988684 w 8864255"/>
              <a:gd name="connsiteY33" fmla="*/ 1002708 h 5581650"/>
              <a:gd name="connsiteX34" fmla="*/ 4317639 w 8864255"/>
              <a:gd name="connsiteY34" fmla="*/ 1321117 h 5581650"/>
              <a:gd name="connsiteX35" fmla="*/ 3997898 w 8864255"/>
              <a:gd name="connsiteY35" fmla="*/ 1648697 h 5581650"/>
              <a:gd name="connsiteX36" fmla="*/ 3988684 w 8864255"/>
              <a:gd name="connsiteY36" fmla="*/ 1648697 h 5581650"/>
              <a:gd name="connsiteX37" fmla="*/ 3668936 w 8864255"/>
              <a:gd name="connsiteY37" fmla="*/ 1321117 h 5581650"/>
              <a:gd name="connsiteX38" fmla="*/ 3988684 w 8864255"/>
              <a:gd name="connsiteY38" fmla="*/ 1002708 h 5581650"/>
              <a:gd name="connsiteX39" fmla="*/ 5949493 w 8864255"/>
              <a:gd name="connsiteY39" fmla="*/ 0 h 5581650"/>
              <a:gd name="connsiteX40" fmla="*/ 8403855 w 8864255"/>
              <a:gd name="connsiteY40" fmla="*/ 0 h 5581650"/>
              <a:gd name="connsiteX41" fmla="*/ 8478715 w 8864255"/>
              <a:gd name="connsiteY41" fmla="*/ 82027 h 5581650"/>
              <a:gd name="connsiteX42" fmla="*/ 8863995 w 8864255"/>
              <a:gd name="connsiteY42" fmla="*/ 1150805 h 5581650"/>
              <a:gd name="connsiteX43" fmla="*/ 8864255 w 8864255"/>
              <a:gd name="connsiteY43" fmla="*/ 1150935 h 5581650"/>
              <a:gd name="connsiteX44" fmla="*/ 7176934 w 8864255"/>
              <a:gd name="connsiteY44" fmla="*/ 2831199 h 5581650"/>
              <a:gd name="connsiteX45" fmla="*/ 6999635 w 8864255"/>
              <a:gd name="connsiteY45" fmla="*/ 2821951 h 5581650"/>
              <a:gd name="connsiteX46" fmla="*/ 5841336 w 8864255"/>
              <a:gd name="connsiteY46" fmla="*/ 3892501 h 5581650"/>
              <a:gd name="connsiteX47" fmla="*/ 4679700 w 8864255"/>
              <a:gd name="connsiteY47" fmla="*/ 2735854 h 5581650"/>
              <a:gd name="connsiteX48" fmla="*/ 5554753 w 8864255"/>
              <a:gd name="connsiteY48" fmla="*/ 1614766 h 5581650"/>
              <a:gd name="connsiteX49" fmla="*/ 5489353 w 8864255"/>
              <a:gd name="connsiteY49" fmla="*/ 1150805 h 5581650"/>
              <a:gd name="connsiteX50" fmla="*/ 5874675 w 8864255"/>
              <a:gd name="connsiteY50" fmla="*/ 81973 h 5581650"/>
              <a:gd name="connsiteX51" fmla="*/ 3980549 w 8864255"/>
              <a:gd name="connsiteY51" fmla="*/ 0 h 5581650"/>
              <a:gd name="connsiteX52" fmla="*/ 5282569 w 8864255"/>
              <a:gd name="connsiteY52" fmla="*/ 0 h 5581650"/>
              <a:gd name="connsiteX53" fmla="*/ 5306576 w 8864255"/>
              <a:gd name="connsiteY53" fmla="*/ 76927 h 5581650"/>
              <a:gd name="connsiteX54" fmla="*/ 5320620 w 8864255"/>
              <a:gd name="connsiteY54" fmla="*/ 215198 h 5581650"/>
              <a:gd name="connsiteX55" fmla="*/ 5320620 w 8864255"/>
              <a:gd name="connsiteY55" fmla="*/ 215393 h 5581650"/>
              <a:gd name="connsiteX56" fmla="*/ 4631631 w 8864255"/>
              <a:gd name="connsiteY56" fmla="*/ 901501 h 5581650"/>
              <a:gd name="connsiteX57" fmla="*/ 4631435 w 8864255"/>
              <a:gd name="connsiteY57" fmla="*/ 901501 h 5581650"/>
              <a:gd name="connsiteX58" fmla="*/ 3942512 w 8864255"/>
              <a:gd name="connsiteY58" fmla="*/ 215393 h 5581650"/>
              <a:gd name="connsiteX59" fmla="*/ 3956508 w 8864255"/>
              <a:gd name="connsiteY59" fmla="*/ 77127 h 55816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</a:cxnLst>
            <a:rect l="l" t="t" r="r" b="b"/>
            <a:pathLst>
              <a:path w="8864255" h="5581650">
                <a:moveTo>
                  <a:pt x="947843" y="4824527"/>
                </a:moveTo>
                <a:cubicBezTo>
                  <a:pt x="1229174" y="4824527"/>
                  <a:pt x="1457243" y="5051643"/>
                  <a:pt x="1457243" y="5331797"/>
                </a:cubicBezTo>
                <a:cubicBezTo>
                  <a:pt x="1457243" y="5401839"/>
                  <a:pt x="1442990" y="5468564"/>
                  <a:pt x="1417214" y="5529255"/>
                </a:cubicBezTo>
                <a:lnTo>
                  <a:pt x="1388657" y="5581650"/>
                </a:lnTo>
                <a:lnTo>
                  <a:pt x="506961" y="5581650"/>
                </a:lnTo>
                <a:lnTo>
                  <a:pt x="478413" y="5529275"/>
                </a:lnTo>
                <a:cubicBezTo>
                  <a:pt x="452633" y="5468578"/>
                  <a:pt x="438377" y="5401846"/>
                  <a:pt x="438377" y="5331797"/>
                </a:cubicBezTo>
                <a:cubicBezTo>
                  <a:pt x="438416" y="5051630"/>
                  <a:pt x="666499" y="4824527"/>
                  <a:pt x="947843" y="4824527"/>
                </a:cubicBezTo>
                <a:close/>
                <a:moveTo>
                  <a:pt x="4792417" y="3932164"/>
                </a:moveTo>
                <a:cubicBezTo>
                  <a:pt x="4796263" y="3932118"/>
                  <a:pt x="4800114" y="3932118"/>
                  <a:pt x="4803960" y="3932164"/>
                </a:cubicBezTo>
                <a:cubicBezTo>
                  <a:pt x="5085311" y="3935335"/>
                  <a:pt x="5310810" y="4165036"/>
                  <a:pt x="5307606" y="4445217"/>
                </a:cubicBezTo>
                <a:cubicBezTo>
                  <a:pt x="5304467" y="4720911"/>
                  <a:pt x="5080799" y="4943644"/>
                  <a:pt x="4803960" y="4946770"/>
                </a:cubicBezTo>
                <a:cubicBezTo>
                  <a:pt x="4522609" y="4949941"/>
                  <a:pt x="4291943" y="4725392"/>
                  <a:pt x="4288751" y="4445217"/>
                </a:cubicBezTo>
                <a:cubicBezTo>
                  <a:pt x="4285567" y="4165036"/>
                  <a:pt x="4511066" y="3935335"/>
                  <a:pt x="4792417" y="3932164"/>
                </a:cubicBezTo>
                <a:close/>
                <a:moveTo>
                  <a:pt x="7062550" y="3865669"/>
                </a:moveTo>
                <a:cubicBezTo>
                  <a:pt x="7207019" y="3865669"/>
                  <a:pt x="7324150" y="3982304"/>
                  <a:pt x="7324150" y="4126176"/>
                </a:cubicBezTo>
                <a:cubicBezTo>
                  <a:pt x="7324150" y="4270046"/>
                  <a:pt x="7207019" y="4386681"/>
                  <a:pt x="7062550" y="4386681"/>
                </a:cubicBezTo>
                <a:cubicBezTo>
                  <a:pt x="6918081" y="4386681"/>
                  <a:pt x="6800950" y="4270046"/>
                  <a:pt x="6800950" y="4126176"/>
                </a:cubicBezTo>
                <a:cubicBezTo>
                  <a:pt x="6800950" y="3982304"/>
                  <a:pt x="6918081" y="3865669"/>
                  <a:pt x="7062550" y="3865669"/>
                </a:cubicBezTo>
                <a:close/>
                <a:moveTo>
                  <a:pt x="8024061" y="3172006"/>
                </a:moveTo>
                <a:cubicBezTo>
                  <a:pt x="8390170" y="3172006"/>
                  <a:pt x="8686956" y="3467545"/>
                  <a:pt x="8687021" y="3832128"/>
                </a:cubicBezTo>
                <a:cubicBezTo>
                  <a:pt x="8687021" y="4196740"/>
                  <a:pt x="8390236" y="4492316"/>
                  <a:pt x="8024061" y="4492316"/>
                </a:cubicBezTo>
                <a:cubicBezTo>
                  <a:pt x="7657952" y="4492316"/>
                  <a:pt x="7361167" y="4196773"/>
                  <a:pt x="7361167" y="3832194"/>
                </a:cubicBezTo>
                <a:cubicBezTo>
                  <a:pt x="7361167" y="3832175"/>
                  <a:pt x="7361167" y="3832149"/>
                  <a:pt x="7361167" y="3832128"/>
                </a:cubicBezTo>
                <a:cubicBezTo>
                  <a:pt x="7361167" y="3467551"/>
                  <a:pt x="7657952" y="3172006"/>
                  <a:pt x="8024061" y="3172006"/>
                </a:cubicBezTo>
                <a:close/>
                <a:moveTo>
                  <a:pt x="2532290" y="1417303"/>
                </a:moveTo>
                <a:cubicBezTo>
                  <a:pt x="3523821" y="1417303"/>
                  <a:pt x="4327521" y="2217707"/>
                  <a:pt x="4327521" y="3205026"/>
                </a:cubicBezTo>
                <a:cubicBezTo>
                  <a:pt x="4327521" y="4192343"/>
                  <a:pt x="3523821" y="4992748"/>
                  <a:pt x="2532290" y="4992748"/>
                </a:cubicBezTo>
                <a:cubicBezTo>
                  <a:pt x="2039428" y="4993315"/>
                  <a:pt x="1568136" y="4791501"/>
                  <a:pt x="1229521" y="4434875"/>
                </a:cubicBezTo>
                <a:cubicBezTo>
                  <a:pt x="1111723" y="4493397"/>
                  <a:pt x="981845" y="4523773"/>
                  <a:pt x="850201" y="4523577"/>
                </a:cubicBezTo>
                <a:cubicBezTo>
                  <a:pt x="380649" y="4523577"/>
                  <a:pt x="0" y="4144522"/>
                  <a:pt x="0" y="3676932"/>
                </a:cubicBezTo>
                <a:cubicBezTo>
                  <a:pt x="111" y="3238077"/>
                  <a:pt x="336954" y="2872053"/>
                  <a:pt x="775972" y="2833740"/>
                </a:cubicBezTo>
                <a:cubicBezTo>
                  <a:pt x="947581" y="2024608"/>
                  <a:pt x="1668683" y="1417303"/>
                  <a:pt x="2532290" y="1417303"/>
                </a:cubicBezTo>
                <a:close/>
                <a:moveTo>
                  <a:pt x="3988684" y="1002708"/>
                </a:moveTo>
                <a:cubicBezTo>
                  <a:pt x="4167821" y="1000173"/>
                  <a:pt x="4315096" y="1142729"/>
                  <a:pt x="4317639" y="1321117"/>
                </a:cubicBezTo>
                <a:cubicBezTo>
                  <a:pt x="4320183" y="1499498"/>
                  <a:pt x="4177029" y="1646164"/>
                  <a:pt x="3997898" y="1648697"/>
                </a:cubicBezTo>
                <a:cubicBezTo>
                  <a:pt x="3994824" y="1648743"/>
                  <a:pt x="3991758" y="1648743"/>
                  <a:pt x="3988684" y="1648697"/>
                </a:cubicBezTo>
                <a:cubicBezTo>
                  <a:pt x="3809546" y="1646164"/>
                  <a:pt x="3666392" y="1499498"/>
                  <a:pt x="3668936" y="1321117"/>
                </a:cubicBezTo>
                <a:cubicBezTo>
                  <a:pt x="3671428" y="1146305"/>
                  <a:pt x="3813136" y="1005189"/>
                  <a:pt x="3988684" y="1002708"/>
                </a:cubicBezTo>
                <a:close/>
                <a:moveTo>
                  <a:pt x="5949493" y="0"/>
                </a:moveTo>
                <a:lnTo>
                  <a:pt x="8403855" y="0"/>
                </a:lnTo>
                <a:lnTo>
                  <a:pt x="8478715" y="82027"/>
                </a:lnTo>
                <a:cubicBezTo>
                  <a:pt x="8719412" y="372480"/>
                  <a:pt x="8863995" y="744839"/>
                  <a:pt x="8863995" y="1150805"/>
                </a:cubicBezTo>
                <a:lnTo>
                  <a:pt x="8864255" y="1150935"/>
                </a:lnTo>
                <a:cubicBezTo>
                  <a:pt x="8864255" y="2079053"/>
                  <a:pt x="8108754" y="2831199"/>
                  <a:pt x="7176934" y="2831199"/>
                </a:cubicBezTo>
                <a:cubicBezTo>
                  <a:pt x="7117683" y="2831180"/>
                  <a:pt x="7058561" y="2828092"/>
                  <a:pt x="6999635" y="2821951"/>
                </a:cubicBezTo>
                <a:cubicBezTo>
                  <a:pt x="6954379" y="3425662"/>
                  <a:pt x="6449294" y="3892482"/>
                  <a:pt x="5841336" y="3892501"/>
                </a:cubicBezTo>
                <a:cubicBezTo>
                  <a:pt x="5199826" y="3892534"/>
                  <a:pt x="4679733" y="3374686"/>
                  <a:pt x="4679700" y="2735854"/>
                </a:cubicBezTo>
                <a:cubicBezTo>
                  <a:pt x="4679765" y="2206910"/>
                  <a:pt x="5040054" y="1745352"/>
                  <a:pt x="5554753" y="1614766"/>
                </a:cubicBezTo>
                <a:cubicBezTo>
                  <a:pt x="5511327" y="1463914"/>
                  <a:pt x="5489288" y="1307740"/>
                  <a:pt x="5489353" y="1150805"/>
                </a:cubicBezTo>
                <a:cubicBezTo>
                  <a:pt x="5489353" y="744782"/>
                  <a:pt x="5633960" y="372416"/>
                  <a:pt x="5874675" y="81973"/>
                </a:cubicBezTo>
                <a:close/>
                <a:moveTo>
                  <a:pt x="3980549" y="0"/>
                </a:moveTo>
                <a:lnTo>
                  <a:pt x="5282569" y="0"/>
                </a:lnTo>
                <a:lnTo>
                  <a:pt x="5306576" y="76927"/>
                </a:lnTo>
                <a:cubicBezTo>
                  <a:pt x="5315769" y="121589"/>
                  <a:pt x="5320604" y="167832"/>
                  <a:pt x="5320620" y="215198"/>
                </a:cubicBezTo>
                <a:cubicBezTo>
                  <a:pt x="5320620" y="215262"/>
                  <a:pt x="5320620" y="215328"/>
                  <a:pt x="5320620" y="215393"/>
                </a:cubicBezTo>
                <a:cubicBezTo>
                  <a:pt x="5320620" y="594319"/>
                  <a:pt x="5012128" y="901501"/>
                  <a:pt x="4631631" y="901501"/>
                </a:cubicBezTo>
                <a:cubicBezTo>
                  <a:pt x="4631566" y="901501"/>
                  <a:pt x="4631501" y="901501"/>
                  <a:pt x="4631435" y="901501"/>
                </a:cubicBezTo>
                <a:cubicBezTo>
                  <a:pt x="4250944" y="901462"/>
                  <a:pt x="3942512" y="594292"/>
                  <a:pt x="3942512" y="215393"/>
                </a:cubicBezTo>
                <a:cubicBezTo>
                  <a:pt x="3942512" y="168030"/>
                  <a:pt x="3947331" y="121789"/>
                  <a:pt x="3956508" y="77127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om een </a:t>
            </a:r>
            <a:br>
              <a:rPr lang="nl-NL" dirty="0"/>
            </a:br>
            <a:r>
              <a:rPr lang="nl-NL" dirty="0"/>
              <a:t>afbeelding in te voegen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50329288-DED1-F94C-9EF1-CF575FC6C31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55689" y="1628775"/>
            <a:ext cx="8820150" cy="720725"/>
          </a:xfrm>
        </p:spPr>
        <p:txBody>
          <a:bodyPr/>
          <a:lstStyle>
            <a:lvl1pPr>
              <a:defRPr sz="4800"/>
            </a:lvl1pPr>
          </a:lstStyle>
          <a:p>
            <a:r>
              <a:rPr lang="nl-NL" dirty="0"/>
              <a:t>Hoofdstuk titel</a:t>
            </a:r>
          </a:p>
        </p:txBody>
      </p:sp>
      <p:sp>
        <p:nvSpPr>
          <p:cNvPr id="3" name="Tijdelijke aanduiding voor datum 2">
            <a:extLst>
              <a:ext uri="{FF2B5EF4-FFF2-40B4-BE49-F238E27FC236}">
                <a16:creationId xmlns:a16="http://schemas.microsoft.com/office/drawing/2014/main" id="{020DDFAF-9633-D347-B98F-0BBE9F5A75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4" name="Tijdelijke aanduiding voor voettekst 3">
            <a:extLst>
              <a:ext uri="{FF2B5EF4-FFF2-40B4-BE49-F238E27FC236}">
                <a16:creationId xmlns:a16="http://schemas.microsoft.com/office/drawing/2014/main" id="{F83187F1-EB3F-3340-993B-1C254AC34F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6A20AC61-16B3-6E4A-B5E9-84FA6309DA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pPr algn="r"/>
            <a:fld id="{D673B436-E1E6-9A4F-9770-556D9C186C90}" type="slidenum">
              <a:rPr lang="nl-NL" smtClean="0"/>
              <a:pPr algn="r"/>
              <a:t>‹nr.›</a:t>
            </a:fld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35374183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C40292E-65D0-0644-9CF1-3D05EEDCB3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F8AC13D3-6F7D-DE45-8F9C-F09DF7CA9E8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D37A1BBF-E321-1C4A-A696-0796476036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/>
              <a:t>23 november 2020</a:t>
            </a:r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FF5E256D-6A95-E546-A90B-0378F6503C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00E74F7B-0A72-F24E-A783-9DA029DA24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8866819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B178E9A-64EC-4246-935A-872BB7917B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5040311" cy="720725"/>
          </a:xfrm>
        </p:spPr>
        <p:txBody>
          <a:bodyPr/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BA96D8E4-9960-724D-830C-3D9B8164CC9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055688" y="1628774"/>
            <a:ext cx="5040312" cy="4860925"/>
          </a:xfrm>
        </p:spPr>
        <p:txBody>
          <a:bodyPr/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59EB8A04-04AA-0344-89C0-2728D0E377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ED62EC47-1C6D-6A42-9A8D-2D5A19B4F6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015018D7-AC08-C54D-8A37-9AC9933821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sp>
        <p:nvSpPr>
          <p:cNvPr id="8" name="Tijdelijke aanduiding voor afbeelding 7">
            <a:extLst>
              <a:ext uri="{FF2B5EF4-FFF2-40B4-BE49-F238E27FC236}">
                <a16:creationId xmlns:a16="http://schemas.microsoft.com/office/drawing/2014/main" id="{F96D9E4B-B180-9A45-AFD5-6A8C4FEF1505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364288" y="908050"/>
            <a:ext cx="5827712" cy="5581650"/>
          </a:xfrm>
          <a:solidFill>
            <a:schemeClr val="bg2"/>
          </a:solidFill>
        </p:spPr>
        <p:txBody>
          <a:bodyPr anchor="ctr"/>
          <a:lstStyle>
            <a:lvl1pPr algn="ctr">
              <a:buNone/>
              <a:defRPr/>
            </a:lvl1pPr>
          </a:lstStyle>
          <a:p>
            <a:r>
              <a:rPr lang="nl-NL" dirty="0"/>
              <a:t>Klik op het icoon om een</a:t>
            </a:r>
          </a:p>
          <a:p>
            <a:r>
              <a:rPr lang="nl-NL" dirty="0"/>
              <a:t>Afbeelding in te voegen</a:t>
            </a:r>
          </a:p>
        </p:txBody>
      </p:sp>
    </p:spTree>
    <p:extLst>
      <p:ext uri="{BB962C8B-B14F-4D97-AF65-F5344CB8AC3E}">
        <p14:creationId xmlns:p14="http://schemas.microsoft.com/office/powerpoint/2010/main" val="39666066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B178E9A-64EC-4246-935A-872BB7917B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5999" y="908049"/>
            <a:ext cx="5040314" cy="720725"/>
          </a:xfrm>
        </p:spPr>
        <p:txBody>
          <a:bodyPr/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4" name="Tijdelijke aanduiding voor inhoud 3">
            <a:extLst>
              <a:ext uri="{FF2B5EF4-FFF2-40B4-BE49-F238E27FC236}">
                <a16:creationId xmlns:a16="http://schemas.microsoft.com/office/drawing/2014/main" id="{AA6C15FD-9CCB-984C-9858-5C99A29E829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096000" y="1628774"/>
            <a:ext cx="5040313" cy="4860925"/>
          </a:xfrm>
        </p:spPr>
        <p:txBody>
          <a:bodyPr/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59EB8A04-04AA-0344-89C0-2728D0E377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ED62EC47-1C6D-6A42-9A8D-2D5A19B4F6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015018D7-AC08-C54D-8A37-9AC9933821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pPr algn="r"/>
            <a:fld id="{D673B436-E1E6-9A4F-9770-556D9C186C90}" type="slidenum">
              <a:rPr lang="nl-NL" smtClean="0"/>
              <a:pPr algn="r"/>
              <a:t>‹nr.›</a:t>
            </a:fld>
            <a:endParaRPr lang="nl-NL" dirty="0"/>
          </a:p>
        </p:txBody>
      </p:sp>
      <p:sp>
        <p:nvSpPr>
          <p:cNvPr id="8" name="Tijdelijke aanduiding voor afbeelding 7">
            <a:extLst>
              <a:ext uri="{FF2B5EF4-FFF2-40B4-BE49-F238E27FC236}">
                <a16:creationId xmlns:a16="http://schemas.microsoft.com/office/drawing/2014/main" id="{07F37416-E830-4E4C-ADF9-3F70D789FD6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511" y="908050"/>
            <a:ext cx="5827712" cy="5581650"/>
          </a:xfrm>
          <a:solidFill>
            <a:schemeClr val="bg2"/>
          </a:solidFill>
        </p:spPr>
        <p:txBody>
          <a:bodyPr anchor="ctr"/>
          <a:lstStyle>
            <a:lvl1pPr algn="ctr">
              <a:buNone/>
              <a:defRPr/>
            </a:lvl1pPr>
          </a:lstStyle>
          <a:p>
            <a:r>
              <a:rPr lang="nl-NL" dirty="0"/>
              <a:t>Klik op het icoon om een</a:t>
            </a:r>
          </a:p>
          <a:p>
            <a:r>
              <a:rPr lang="nl-NL" dirty="0"/>
              <a:t>Afbeelding in te voegen</a:t>
            </a:r>
          </a:p>
        </p:txBody>
      </p:sp>
    </p:spTree>
    <p:extLst>
      <p:ext uri="{BB962C8B-B14F-4D97-AF65-F5344CB8AC3E}">
        <p14:creationId xmlns:p14="http://schemas.microsoft.com/office/powerpoint/2010/main" val="12026337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F18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rgbClr val="18407F"/>
                </a:solidFill>
              </a:defRPr>
            </a:lvl1pPr>
          </a:lstStyle>
          <a:p>
            <a:r>
              <a:rPr lang="nl-NL"/>
              <a:t>Klik om stijl te bewerken</a:t>
            </a:r>
            <a:endParaRPr lang="nl-NL" dirty="0"/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  <a:endParaRPr lang="nl-NL" dirty="0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rgbClr val="18407F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EE7489E9-0CD9-D04B-BA5F-7330CABC70D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79139" y="2038316"/>
            <a:ext cx="4512861" cy="4323794"/>
          </a:xfrm>
          <a:custGeom>
            <a:avLst/>
            <a:gdLst>
              <a:gd name="connsiteX0" fmla="*/ 805268 w 4297236"/>
              <a:gd name="connsiteY0" fmla="*/ 3253485 h 4117203"/>
              <a:gd name="connsiteX1" fmla="*/ 1238046 w 4297236"/>
              <a:gd name="connsiteY1" fmla="*/ 3685317 h 4117203"/>
              <a:gd name="connsiteX2" fmla="*/ 805268 w 4297236"/>
              <a:gd name="connsiteY2" fmla="*/ 4117203 h 4117203"/>
              <a:gd name="connsiteX3" fmla="*/ 372436 w 4297236"/>
              <a:gd name="connsiteY3" fmla="*/ 3685317 h 4117203"/>
              <a:gd name="connsiteX4" fmla="*/ 805268 w 4297236"/>
              <a:gd name="connsiteY4" fmla="*/ 3253485 h 4117203"/>
              <a:gd name="connsiteX5" fmla="*/ 4071546 w 4297236"/>
              <a:gd name="connsiteY5" fmla="*/ 2493830 h 4117203"/>
              <a:gd name="connsiteX6" fmla="*/ 4081352 w 4297236"/>
              <a:gd name="connsiteY6" fmla="*/ 2493830 h 4117203"/>
              <a:gd name="connsiteX7" fmla="*/ 4249433 w 4297236"/>
              <a:gd name="connsiteY7" fmla="*/ 2529671 h 4117203"/>
              <a:gd name="connsiteX8" fmla="*/ 4297236 w 4297236"/>
              <a:gd name="connsiteY8" fmla="*/ 2556265 h 4117203"/>
              <a:gd name="connsiteX9" fmla="*/ 4297236 w 4297236"/>
              <a:gd name="connsiteY9" fmla="*/ 3295281 h 4117203"/>
              <a:gd name="connsiteX10" fmla="*/ 4247058 w 4297236"/>
              <a:gd name="connsiteY10" fmla="*/ 3322716 h 4117203"/>
              <a:gd name="connsiteX11" fmla="*/ 4081352 w 4297236"/>
              <a:gd name="connsiteY11" fmla="*/ 3357548 h 4117203"/>
              <a:gd name="connsiteX12" fmla="*/ 3643641 w 4297236"/>
              <a:gd name="connsiteY12" fmla="*/ 2930584 h 4117203"/>
              <a:gd name="connsiteX13" fmla="*/ 4071546 w 4297236"/>
              <a:gd name="connsiteY13" fmla="*/ 2493830 h 4117203"/>
              <a:gd name="connsiteX14" fmla="*/ 4297236 w 4297236"/>
              <a:gd name="connsiteY14" fmla="*/ 748924 h 4117203"/>
              <a:gd name="connsiteX15" fmla="*/ 4297236 w 4297236"/>
              <a:gd name="connsiteY15" fmla="*/ 2198341 h 4117203"/>
              <a:gd name="connsiteX16" fmla="*/ 4264865 w 4297236"/>
              <a:gd name="connsiteY16" fmla="*/ 2171694 h 4117203"/>
              <a:gd name="connsiteX17" fmla="*/ 3975783 w 4297236"/>
              <a:gd name="connsiteY17" fmla="*/ 1475430 h 4117203"/>
              <a:gd name="connsiteX18" fmla="*/ 4291838 w 4297236"/>
              <a:gd name="connsiteY18" fmla="*/ 753157 h 4117203"/>
              <a:gd name="connsiteX19" fmla="*/ 2151385 w 4297236"/>
              <a:gd name="connsiteY19" fmla="*/ 352967 h 4117203"/>
              <a:gd name="connsiteX20" fmla="*/ 3676578 w 4297236"/>
              <a:gd name="connsiteY20" fmla="*/ 1874828 h 4117203"/>
              <a:gd name="connsiteX21" fmla="*/ 2151385 w 4297236"/>
              <a:gd name="connsiteY21" fmla="*/ 3396690 h 4117203"/>
              <a:gd name="connsiteX22" fmla="*/ 1044577 w 4297236"/>
              <a:gd name="connsiteY22" fmla="*/ 2921781 h 4117203"/>
              <a:gd name="connsiteX23" fmla="*/ 722314 w 4297236"/>
              <a:gd name="connsiteY23" fmla="*/ 2997292 h 4117203"/>
              <a:gd name="connsiteX24" fmla="*/ 0 w 4297236"/>
              <a:gd name="connsiteY24" fmla="*/ 2276555 h 4117203"/>
              <a:gd name="connsiteX25" fmla="*/ 659250 w 4297236"/>
              <a:gd name="connsiteY25" fmla="*/ 1558758 h 4117203"/>
              <a:gd name="connsiteX26" fmla="*/ 2151385 w 4297236"/>
              <a:gd name="connsiteY26" fmla="*/ 352967 h 4117203"/>
              <a:gd name="connsiteX27" fmla="*/ 3388708 w 4297236"/>
              <a:gd name="connsiteY27" fmla="*/ 29 h 4117203"/>
              <a:gd name="connsiteX28" fmla="*/ 3668182 w 4297236"/>
              <a:gd name="connsiteY28" fmla="*/ 271086 h 4117203"/>
              <a:gd name="connsiteX29" fmla="*/ 3396537 w 4297236"/>
              <a:gd name="connsiteY29" fmla="*/ 549950 h 4117203"/>
              <a:gd name="connsiteX30" fmla="*/ 3388708 w 4297236"/>
              <a:gd name="connsiteY30" fmla="*/ 549950 h 4117203"/>
              <a:gd name="connsiteX31" fmla="*/ 3117057 w 4297236"/>
              <a:gd name="connsiteY31" fmla="*/ 271086 h 4117203"/>
              <a:gd name="connsiteX32" fmla="*/ 3388708 w 4297236"/>
              <a:gd name="connsiteY32" fmla="*/ 29 h 41172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</a:cxnLst>
            <a:rect l="l" t="t" r="r" b="b"/>
            <a:pathLst>
              <a:path w="4297236" h="4117203">
                <a:moveTo>
                  <a:pt x="805268" y="3253485"/>
                </a:moveTo>
                <a:cubicBezTo>
                  <a:pt x="1044283" y="3253485"/>
                  <a:pt x="1238046" y="3446825"/>
                  <a:pt x="1238046" y="3685317"/>
                </a:cubicBezTo>
                <a:cubicBezTo>
                  <a:pt x="1238046" y="3923819"/>
                  <a:pt x="1044293" y="4117148"/>
                  <a:pt x="805268" y="4117203"/>
                </a:cubicBezTo>
                <a:cubicBezTo>
                  <a:pt x="566222" y="4117203"/>
                  <a:pt x="372436" y="3923841"/>
                  <a:pt x="372436" y="3685317"/>
                </a:cubicBezTo>
                <a:cubicBezTo>
                  <a:pt x="372469" y="3446814"/>
                  <a:pt x="566244" y="3253485"/>
                  <a:pt x="805268" y="3253485"/>
                </a:cubicBezTo>
                <a:close/>
                <a:moveTo>
                  <a:pt x="4071546" y="2493830"/>
                </a:moveTo>
                <a:cubicBezTo>
                  <a:pt x="4074812" y="2493791"/>
                  <a:pt x="4078084" y="2493791"/>
                  <a:pt x="4081352" y="2493830"/>
                </a:cubicBezTo>
                <a:cubicBezTo>
                  <a:pt x="4141109" y="2494505"/>
                  <a:pt x="4197901" y="2507232"/>
                  <a:pt x="4249433" y="2529671"/>
                </a:cubicBezTo>
                <a:lnTo>
                  <a:pt x="4297236" y="2556265"/>
                </a:lnTo>
                <a:lnTo>
                  <a:pt x="4297236" y="3295281"/>
                </a:lnTo>
                <a:lnTo>
                  <a:pt x="4247058" y="3322716"/>
                </a:lnTo>
                <a:cubicBezTo>
                  <a:pt x="4196127" y="3344533"/>
                  <a:pt x="4140151" y="3356883"/>
                  <a:pt x="4081352" y="3357548"/>
                </a:cubicBezTo>
                <a:cubicBezTo>
                  <a:pt x="3842322" y="3360249"/>
                  <a:pt x="3646352" y="3169093"/>
                  <a:pt x="3643641" y="2930584"/>
                </a:cubicBezTo>
                <a:cubicBezTo>
                  <a:pt x="3640934" y="2692071"/>
                  <a:pt x="3832514" y="2496529"/>
                  <a:pt x="4071546" y="2493830"/>
                </a:cubicBezTo>
                <a:close/>
                <a:moveTo>
                  <a:pt x="4297236" y="748924"/>
                </a:moveTo>
                <a:lnTo>
                  <a:pt x="4297236" y="2198341"/>
                </a:lnTo>
                <a:lnTo>
                  <a:pt x="4264865" y="2171694"/>
                </a:lnTo>
                <a:cubicBezTo>
                  <a:pt x="4086269" y="1993510"/>
                  <a:pt x="3975797" y="1747344"/>
                  <a:pt x="3975783" y="1475430"/>
                </a:cubicBezTo>
                <a:cubicBezTo>
                  <a:pt x="3975818" y="1194003"/>
                  <a:pt x="4095399" y="934985"/>
                  <a:pt x="4291838" y="753157"/>
                </a:cubicBezTo>
                <a:close/>
                <a:moveTo>
                  <a:pt x="2151385" y="352967"/>
                </a:moveTo>
                <a:cubicBezTo>
                  <a:pt x="2993770" y="352967"/>
                  <a:pt x="3676578" y="1034339"/>
                  <a:pt x="3676578" y="1874828"/>
                </a:cubicBezTo>
                <a:cubicBezTo>
                  <a:pt x="3676578" y="2715317"/>
                  <a:pt x="2993770" y="3396690"/>
                  <a:pt x="2151385" y="3396690"/>
                </a:cubicBezTo>
                <a:cubicBezTo>
                  <a:pt x="1732659" y="3397172"/>
                  <a:pt x="1332258" y="3225371"/>
                  <a:pt x="1044577" y="2921781"/>
                </a:cubicBezTo>
                <a:cubicBezTo>
                  <a:pt x="944498" y="2971600"/>
                  <a:pt x="834156" y="2997457"/>
                  <a:pt x="722314" y="2997292"/>
                </a:cubicBezTo>
                <a:cubicBezTo>
                  <a:pt x="323391" y="2997292"/>
                  <a:pt x="0" y="2674607"/>
                  <a:pt x="0" y="2276555"/>
                </a:cubicBezTo>
                <a:cubicBezTo>
                  <a:pt x="94" y="1902965"/>
                  <a:pt x="286270" y="1591374"/>
                  <a:pt x="659250" y="1558758"/>
                </a:cubicBezTo>
                <a:cubicBezTo>
                  <a:pt x="805046" y="869957"/>
                  <a:pt x="1417680" y="352967"/>
                  <a:pt x="2151385" y="352967"/>
                </a:cubicBezTo>
                <a:close/>
                <a:moveTo>
                  <a:pt x="3388708" y="29"/>
                </a:moveTo>
                <a:cubicBezTo>
                  <a:pt x="3540900" y="-2128"/>
                  <a:pt x="3666022" y="119227"/>
                  <a:pt x="3668182" y="271086"/>
                </a:cubicBezTo>
                <a:cubicBezTo>
                  <a:pt x="3670344" y="422940"/>
                  <a:pt x="3548723" y="547793"/>
                  <a:pt x="3396537" y="549950"/>
                </a:cubicBezTo>
                <a:cubicBezTo>
                  <a:pt x="3393926" y="549988"/>
                  <a:pt x="3391320" y="549988"/>
                  <a:pt x="3388708" y="549950"/>
                </a:cubicBezTo>
                <a:cubicBezTo>
                  <a:pt x="3236516" y="547793"/>
                  <a:pt x="3114896" y="422940"/>
                  <a:pt x="3117057" y="271086"/>
                </a:cubicBezTo>
                <a:cubicBezTo>
                  <a:pt x="3119174" y="122270"/>
                  <a:pt x="3239567" y="2141"/>
                  <a:pt x="3388708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1825522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0329288-DED1-F94C-9EF1-CF575FC6C3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datum 2">
            <a:extLst>
              <a:ext uri="{FF2B5EF4-FFF2-40B4-BE49-F238E27FC236}">
                <a16:creationId xmlns:a16="http://schemas.microsoft.com/office/drawing/2014/main" id="{020DDFAF-9633-D347-B98F-0BBE9F5A75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4" name="Tijdelijke aanduiding voor voettekst 3">
            <a:extLst>
              <a:ext uri="{FF2B5EF4-FFF2-40B4-BE49-F238E27FC236}">
                <a16:creationId xmlns:a16="http://schemas.microsoft.com/office/drawing/2014/main" id="{F83187F1-EB3F-3340-993B-1C254AC34F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6A20AC61-16B3-6E4A-B5E9-84FA6309DA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pPr algn="r"/>
            <a:fld id="{D673B436-E1E6-9A4F-9770-556D9C186C90}" type="slidenum">
              <a:rPr lang="nl-NL" smtClean="0"/>
              <a:pPr algn="r"/>
              <a:t>‹nr.›</a:t>
            </a:fld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40443940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0329288-DED1-F94C-9EF1-CF575FC6C3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datum 2">
            <a:extLst>
              <a:ext uri="{FF2B5EF4-FFF2-40B4-BE49-F238E27FC236}">
                <a16:creationId xmlns:a16="http://schemas.microsoft.com/office/drawing/2014/main" id="{020DDFAF-9633-D347-B98F-0BBE9F5A75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4" name="Tijdelijke aanduiding voor voettekst 3">
            <a:extLst>
              <a:ext uri="{FF2B5EF4-FFF2-40B4-BE49-F238E27FC236}">
                <a16:creationId xmlns:a16="http://schemas.microsoft.com/office/drawing/2014/main" id="{F83187F1-EB3F-3340-993B-1C254AC34F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6A20AC61-16B3-6E4A-B5E9-84FA6309DA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pPr algn="r"/>
            <a:fld id="{D673B436-E1E6-9A4F-9770-556D9C186C90}" type="slidenum">
              <a:rPr lang="nl-NL" smtClean="0"/>
              <a:pPr algn="r"/>
              <a:t>‹nr.›</a:t>
            </a:fld>
            <a:endParaRPr lang="nl-NL" dirty="0"/>
          </a:p>
        </p:txBody>
      </p:sp>
      <p:sp>
        <p:nvSpPr>
          <p:cNvPr id="7" name="Tijdelijke aanduiding voor afbeelding 6">
            <a:extLst>
              <a:ext uri="{FF2B5EF4-FFF2-40B4-BE49-F238E27FC236}">
                <a16:creationId xmlns:a16="http://schemas.microsoft.com/office/drawing/2014/main" id="{6CED123C-09AD-FD40-8FF1-993695206EA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628775"/>
            <a:ext cx="12192000" cy="4860925"/>
          </a:xfrm>
          <a:solidFill>
            <a:schemeClr val="bg2"/>
          </a:solidFill>
        </p:spPr>
        <p:txBody>
          <a:bodyPr anchor="ctr"/>
          <a:lstStyle>
            <a:lvl1pPr algn="ctr">
              <a:buNone/>
              <a:defRPr/>
            </a:lvl1pPr>
          </a:lstStyle>
          <a:p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7143023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atum 1">
            <a:extLst>
              <a:ext uri="{FF2B5EF4-FFF2-40B4-BE49-F238E27FC236}">
                <a16:creationId xmlns:a16="http://schemas.microsoft.com/office/drawing/2014/main" id="{31EC4DC5-37EF-994A-9DFD-3DF3D4CE0C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3" name="Tijdelijke aanduiding voor voettekst 2">
            <a:extLst>
              <a:ext uri="{FF2B5EF4-FFF2-40B4-BE49-F238E27FC236}">
                <a16:creationId xmlns:a16="http://schemas.microsoft.com/office/drawing/2014/main" id="{A77BEC87-3B9E-AB41-A21F-BF21A48806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4" name="Tijdelijke aanduiding voor dianummer 3">
            <a:extLst>
              <a:ext uri="{FF2B5EF4-FFF2-40B4-BE49-F238E27FC236}">
                <a16:creationId xmlns:a16="http://schemas.microsoft.com/office/drawing/2014/main" id="{1ABE223C-2B35-8748-AEF0-494C00C194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 algn="r"/>
            <a:fld id="{D673B436-E1E6-9A4F-9770-556D9C186C90}" type="slidenum">
              <a:rPr lang="nl-NL" smtClean="0"/>
              <a:pPr/>
              <a:t>‹nr.›</a:t>
            </a:fld>
            <a:endParaRPr lang="nl-NL"/>
          </a:p>
        </p:txBody>
      </p:sp>
      <p:sp>
        <p:nvSpPr>
          <p:cNvPr id="5" name="Tijdelijke aanduiding voor afbeelding 6">
            <a:extLst>
              <a:ext uri="{FF2B5EF4-FFF2-40B4-BE49-F238E27FC236}">
                <a16:creationId xmlns:a16="http://schemas.microsoft.com/office/drawing/2014/main" id="{A6605252-0840-ED41-BF62-B241D2C79F5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908051"/>
            <a:ext cx="12192000" cy="5581650"/>
          </a:xfrm>
          <a:solidFill>
            <a:schemeClr val="bg2"/>
          </a:solidFill>
        </p:spPr>
        <p:txBody>
          <a:bodyPr anchor="ctr"/>
          <a:lstStyle>
            <a:lvl1pPr algn="ctr">
              <a:buNone/>
              <a:defRPr/>
            </a:lvl1pPr>
          </a:lstStyle>
          <a:p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0778964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AFC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/>
              <a:t>Klik om stijl te bewerken</a:t>
            </a:r>
            <a:endParaRPr lang="nl-NL" dirty="0"/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  <a:endParaRPr lang="nl-NL" dirty="0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9F17A140-D909-D344-AC84-F20248771D16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79139" y="2038316"/>
            <a:ext cx="4512861" cy="4323794"/>
          </a:xfrm>
          <a:custGeom>
            <a:avLst/>
            <a:gdLst>
              <a:gd name="connsiteX0" fmla="*/ 805268 w 4297236"/>
              <a:gd name="connsiteY0" fmla="*/ 3253485 h 4117203"/>
              <a:gd name="connsiteX1" fmla="*/ 1238046 w 4297236"/>
              <a:gd name="connsiteY1" fmla="*/ 3685317 h 4117203"/>
              <a:gd name="connsiteX2" fmla="*/ 805268 w 4297236"/>
              <a:gd name="connsiteY2" fmla="*/ 4117203 h 4117203"/>
              <a:gd name="connsiteX3" fmla="*/ 372436 w 4297236"/>
              <a:gd name="connsiteY3" fmla="*/ 3685317 h 4117203"/>
              <a:gd name="connsiteX4" fmla="*/ 805268 w 4297236"/>
              <a:gd name="connsiteY4" fmla="*/ 3253485 h 4117203"/>
              <a:gd name="connsiteX5" fmla="*/ 4071546 w 4297236"/>
              <a:gd name="connsiteY5" fmla="*/ 2493830 h 4117203"/>
              <a:gd name="connsiteX6" fmla="*/ 4081352 w 4297236"/>
              <a:gd name="connsiteY6" fmla="*/ 2493830 h 4117203"/>
              <a:gd name="connsiteX7" fmla="*/ 4249433 w 4297236"/>
              <a:gd name="connsiteY7" fmla="*/ 2529671 h 4117203"/>
              <a:gd name="connsiteX8" fmla="*/ 4297236 w 4297236"/>
              <a:gd name="connsiteY8" fmla="*/ 2556265 h 4117203"/>
              <a:gd name="connsiteX9" fmla="*/ 4297236 w 4297236"/>
              <a:gd name="connsiteY9" fmla="*/ 3295281 h 4117203"/>
              <a:gd name="connsiteX10" fmla="*/ 4247058 w 4297236"/>
              <a:gd name="connsiteY10" fmla="*/ 3322716 h 4117203"/>
              <a:gd name="connsiteX11" fmla="*/ 4081352 w 4297236"/>
              <a:gd name="connsiteY11" fmla="*/ 3357548 h 4117203"/>
              <a:gd name="connsiteX12" fmla="*/ 3643641 w 4297236"/>
              <a:gd name="connsiteY12" fmla="*/ 2930584 h 4117203"/>
              <a:gd name="connsiteX13" fmla="*/ 4071546 w 4297236"/>
              <a:gd name="connsiteY13" fmla="*/ 2493830 h 4117203"/>
              <a:gd name="connsiteX14" fmla="*/ 4297236 w 4297236"/>
              <a:gd name="connsiteY14" fmla="*/ 748924 h 4117203"/>
              <a:gd name="connsiteX15" fmla="*/ 4297236 w 4297236"/>
              <a:gd name="connsiteY15" fmla="*/ 2198341 h 4117203"/>
              <a:gd name="connsiteX16" fmla="*/ 4264865 w 4297236"/>
              <a:gd name="connsiteY16" fmla="*/ 2171694 h 4117203"/>
              <a:gd name="connsiteX17" fmla="*/ 3975783 w 4297236"/>
              <a:gd name="connsiteY17" fmla="*/ 1475430 h 4117203"/>
              <a:gd name="connsiteX18" fmla="*/ 4291838 w 4297236"/>
              <a:gd name="connsiteY18" fmla="*/ 753157 h 4117203"/>
              <a:gd name="connsiteX19" fmla="*/ 2151385 w 4297236"/>
              <a:gd name="connsiteY19" fmla="*/ 352967 h 4117203"/>
              <a:gd name="connsiteX20" fmla="*/ 3676578 w 4297236"/>
              <a:gd name="connsiteY20" fmla="*/ 1874828 h 4117203"/>
              <a:gd name="connsiteX21" fmla="*/ 2151385 w 4297236"/>
              <a:gd name="connsiteY21" fmla="*/ 3396690 h 4117203"/>
              <a:gd name="connsiteX22" fmla="*/ 1044577 w 4297236"/>
              <a:gd name="connsiteY22" fmla="*/ 2921781 h 4117203"/>
              <a:gd name="connsiteX23" fmla="*/ 722314 w 4297236"/>
              <a:gd name="connsiteY23" fmla="*/ 2997292 h 4117203"/>
              <a:gd name="connsiteX24" fmla="*/ 0 w 4297236"/>
              <a:gd name="connsiteY24" fmla="*/ 2276555 h 4117203"/>
              <a:gd name="connsiteX25" fmla="*/ 659250 w 4297236"/>
              <a:gd name="connsiteY25" fmla="*/ 1558758 h 4117203"/>
              <a:gd name="connsiteX26" fmla="*/ 2151385 w 4297236"/>
              <a:gd name="connsiteY26" fmla="*/ 352967 h 4117203"/>
              <a:gd name="connsiteX27" fmla="*/ 3388708 w 4297236"/>
              <a:gd name="connsiteY27" fmla="*/ 29 h 4117203"/>
              <a:gd name="connsiteX28" fmla="*/ 3668182 w 4297236"/>
              <a:gd name="connsiteY28" fmla="*/ 271086 h 4117203"/>
              <a:gd name="connsiteX29" fmla="*/ 3396537 w 4297236"/>
              <a:gd name="connsiteY29" fmla="*/ 549950 h 4117203"/>
              <a:gd name="connsiteX30" fmla="*/ 3388708 w 4297236"/>
              <a:gd name="connsiteY30" fmla="*/ 549950 h 4117203"/>
              <a:gd name="connsiteX31" fmla="*/ 3117057 w 4297236"/>
              <a:gd name="connsiteY31" fmla="*/ 271086 h 4117203"/>
              <a:gd name="connsiteX32" fmla="*/ 3388708 w 4297236"/>
              <a:gd name="connsiteY32" fmla="*/ 29 h 41172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</a:cxnLst>
            <a:rect l="l" t="t" r="r" b="b"/>
            <a:pathLst>
              <a:path w="4297236" h="4117203">
                <a:moveTo>
                  <a:pt x="805268" y="3253485"/>
                </a:moveTo>
                <a:cubicBezTo>
                  <a:pt x="1044283" y="3253485"/>
                  <a:pt x="1238046" y="3446825"/>
                  <a:pt x="1238046" y="3685317"/>
                </a:cubicBezTo>
                <a:cubicBezTo>
                  <a:pt x="1238046" y="3923819"/>
                  <a:pt x="1044293" y="4117148"/>
                  <a:pt x="805268" y="4117203"/>
                </a:cubicBezTo>
                <a:cubicBezTo>
                  <a:pt x="566222" y="4117203"/>
                  <a:pt x="372436" y="3923841"/>
                  <a:pt x="372436" y="3685317"/>
                </a:cubicBezTo>
                <a:cubicBezTo>
                  <a:pt x="372469" y="3446814"/>
                  <a:pt x="566244" y="3253485"/>
                  <a:pt x="805268" y="3253485"/>
                </a:cubicBezTo>
                <a:close/>
                <a:moveTo>
                  <a:pt x="4071546" y="2493830"/>
                </a:moveTo>
                <a:cubicBezTo>
                  <a:pt x="4074812" y="2493791"/>
                  <a:pt x="4078084" y="2493791"/>
                  <a:pt x="4081352" y="2493830"/>
                </a:cubicBezTo>
                <a:cubicBezTo>
                  <a:pt x="4141109" y="2494505"/>
                  <a:pt x="4197901" y="2507232"/>
                  <a:pt x="4249433" y="2529671"/>
                </a:cubicBezTo>
                <a:lnTo>
                  <a:pt x="4297236" y="2556265"/>
                </a:lnTo>
                <a:lnTo>
                  <a:pt x="4297236" y="3295281"/>
                </a:lnTo>
                <a:lnTo>
                  <a:pt x="4247058" y="3322716"/>
                </a:lnTo>
                <a:cubicBezTo>
                  <a:pt x="4196127" y="3344533"/>
                  <a:pt x="4140151" y="3356883"/>
                  <a:pt x="4081352" y="3357548"/>
                </a:cubicBezTo>
                <a:cubicBezTo>
                  <a:pt x="3842322" y="3360249"/>
                  <a:pt x="3646352" y="3169093"/>
                  <a:pt x="3643641" y="2930584"/>
                </a:cubicBezTo>
                <a:cubicBezTo>
                  <a:pt x="3640934" y="2692071"/>
                  <a:pt x="3832514" y="2496529"/>
                  <a:pt x="4071546" y="2493830"/>
                </a:cubicBezTo>
                <a:close/>
                <a:moveTo>
                  <a:pt x="4297236" y="748924"/>
                </a:moveTo>
                <a:lnTo>
                  <a:pt x="4297236" y="2198341"/>
                </a:lnTo>
                <a:lnTo>
                  <a:pt x="4264865" y="2171694"/>
                </a:lnTo>
                <a:cubicBezTo>
                  <a:pt x="4086269" y="1993510"/>
                  <a:pt x="3975797" y="1747344"/>
                  <a:pt x="3975783" y="1475430"/>
                </a:cubicBezTo>
                <a:cubicBezTo>
                  <a:pt x="3975818" y="1194003"/>
                  <a:pt x="4095399" y="934985"/>
                  <a:pt x="4291838" y="753157"/>
                </a:cubicBezTo>
                <a:close/>
                <a:moveTo>
                  <a:pt x="2151385" y="352967"/>
                </a:moveTo>
                <a:cubicBezTo>
                  <a:pt x="2993770" y="352967"/>
                  <a:pt x="3676578" y="1034339"/>
                  <a:pt x="3676578" y="1874828"/>
                </a:cubicBezTo>
                <a:cubicBezTo>
                  <a:pt x="3676578" y="2715317"/>
                  <a:pt x="2993770" y="3396690"/>
                  <a:pt x="2151385" y="3396690"/>
                </a:cubicBezTo>
                <a:cubicBezTo>
                  <a:pt x="1732659" y="3397172"/>
                  <a:pt x="1332258" y="3225371"/>
                  <a:pt x="1044577" y="2921781"/>
                </a:cubicBezTo>
                <a:cubicBezTo>
                  <a:pt x="944498" y="2971600"/>
                  <a:pt x="834156" y="2997457"/>
                  <a:pt x="722314" y="2997292"/>
                </a:cubicBezTo>
                <a:cubicBezTo>
                  <a:pt x="323391" y="2997292"/>
                  <a:pt x="0" y="2674607"/>
                  <a:pt x="0" y="2276555"/>
                </a:cubicBezTo>
                <a:cubicBezTo>
                  <a:pt x="94" y="1902965"/>
                  <a:pt x="286270" y="1591374"/>
                  <a:pt x="659250" y="1558758"/>
                </a:cubicBezTo>
                <a:cubicBezTo>
                  <a:pt x="805046" y="869957"/>
                  <a:pt x="1417680" y="352967"/>
                  <a:pt x="2151385" y="352967"/>
                </a:cubicBezTo>
                <a:close/>
                <a:moveTo>
                  <a:pt x="3388708" y="29"/>
                </a:moveTo>
                <a:cubicBezTo>
                  <a:pt x="3540900" y="-2128"/>
                  <a:pt x="3666022" y="119227"/>
                  <a:pt x="3668182" y="271086"/>
                </a:cubicBezTo>
                <a:cubicBezTo>
                  <a:pt x="3670344" y="422940"/>
                  <a:pt x="3548723" y="547793"/>
                  <a:pt x="3396537" y="549950"/>
                </a:cubicBezTo>
                <a:cubicBezTo>
                  <a:pt x="3393926" y="549988"/>
                  <a:pt x="3391320" y="549988"/>
                  <a:pt x="3388708" y="549950"/>
                </a:cubicBezTo>
                <a:cubicBezTo>
                  <a:pt x="3236516" y="547793"/>
                  <a:pt x="3114896" y="422940"/>
                  <a:pt x="3117057" y="271086"/>
                </a:cubicBezTo>
                <a:cubicBezTo>
                  <a:pt x="3119174" y="122270"/>
                  <a:pt x="3239567" y="2141"/>
                  <a:pt x="3388708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8745194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7E795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nl-NL"/>
              <a:t>Klik om stijl te bewerken</a:t>
            </a:r>
            <a:endParaRPr lang="nl-NL" dirty="0"/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  <a:endParaRPr lang="nl-NL" dirty="0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9" name="Tijdelijke aanduiding voor afbeelding 8">
            <a:extLst>
              <a:ext uri="{FF2B5EF4-FFF2-40B4-BE49-F238E27FC236}">
                <a16:creationId xmlns:a16="http://schemas.microsoft.com/office/drawing/2014/main" id="{D08360C5-92F7-5D41-A159-739AA0549606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79139" y="2038316"/>
            <a:ext cx="4512861" cy="4323794"/>
          </a:xfrm>
          <a:custGeom>
            <a:avLst/>
            <a:gdLst>
              <a:gd name="connsiteX0" fmla="*/ 805268 w 4297236"/>
              <a:gd name="connsiteY0" fmla="*/ 3253485 h 4117203"/>
              <a:gd name="connsiteX1" fmla="*/ 1238046 w 4297236"/>
              <a:gd name="connsiteY1" fmla="*/ 3685317 h 4117203"/>
              <a:gd name="connsiteX2" fmla="*/ 805268 w 4297236"/>
              <a:gd name="connsiteY2" fmla="*/ 4117203 h 4117203"/>
              <a:gd name="connsiteX3" fmla="*/ 372436 w 4297236"/>
              <a:gd name="connsiteY3" fmla="*/ 3685317 h 4117203"/>
              <a:gd name="connsiteX4" fmla="*/ 805268 w 4297236"/>
              <a:gd name="connsiteY4" fmla="*/ 3253485 h 4117203"/>
              <a:gd name="connsiteX5" fmla="*/ 4071546 w 4297236"/>
              <a:gd name="connsiteY5" fmla="*/ 2493830 h 4117203"/>
              <a:gd name="connsiteX6" fmla="*/ 4081352 w 4297236"/>
              <a:gd name="connsiteY6" fmla="*/ 2493830 h 4117203"/>
              <a:gd name="connsiteX7" fmla="*/ 4249433 w 4297236"/>
              <a:gd name="connsiteY7" fmla="*/ 2529671 h 4117203"/>
              <a:gd name="connsiteX8" fmla="*/ 4297236 w 4297236"/>
              <a:gd name="connsiteY8" fmla="*/ 2556265 h 4117203"/>
              <a:gd name="connsiteX9" fmla="*/ 4297236 w 4297236"/>
              <a:gd name="connsiteY9" fmla="*/ 3295281 h 4117203"/>
              <a:gd name="connsiteX10" fmla="*/ 4247058 w 4297236"/>
              <a:gd name="connsiteY10" fmla="*/ 3322716 h 4117203"/>
              <a:gd name="connsiteX11" fmla="*/ 4081352 w 4297236"/>
              <a:gd name="connsiteY11" fmla="*/ 3357548 h 4117203"/>
              <a:gd name="connsiteX12" fmla="*/ 3643641 w 4297236"/>
              <a:gd name="connsiteY12" fmla="*/ 2930584 h 4117203"/>
              <a:gd name="connsiteX13" fmla="*/ 4071546 w 4297236"/>
              <a:gd name="connsiteY13" fmla="*/ 2493830 h 4117203"/>
              <a:gd name="connsiteX14" fmla="*/ 4297236 w 4297236"/>
              <a:gd name="connsiteY14" fmla="*/ 748924 h 4117203"/>
              <a:gd name="connsiteX15" fmla="*/ 4297236 w 4297236"/>
              <a:gd name="connsiteY15" fmla="*/ 2198341 h 4117203"/>
              <a:gd name="connsiteX16" fmla="*/ 4264865 w 4297236"/>
              <a:gd name="connsiteY16" fmla="*/ 2171694 h 4117203"/>
              <a:gd name="connsiteX17" fmla="*/ 3975783 w 4297236"/>
              <a:gd name="connsiteY17" fmla="*/ 1475430 h 4117203"/>
              <a:gd name="connsiteX18" fmla="*/ 4291838 w 4297236"/>
              <a:gd name="connsiteY18" fmla="*/ 753157 h 4117203"/>
              <a:gd name="connsiteX19" fmla="*/ 2151385 w 4297236"/>
              <a:gd name="connsiteY19" fmla="*/ 352967 h 4117203"/>
              <a:gd name="connsiteX20" fmla="*/ 3676578 w 4297236"/>
              <a:gd name="connsiteY20" fmla="*/ 1874828 h 4117203"/>
              <a:gd name="connsiteX21" fmla="*/ 2151385 w 4297236"/>
              <a:gd name="connsiteY21" fmla="*/ 3396690 h 4117203"/>
              <a:gd name="connsiteX22" fmla="*/ 1044577 w 4297236"/>
              <a:gd name="connsiteY22" fmla="*/ 2921781 h 4117203"/>
              <a:gd name="connsiteX23" fmla="*/ 722314 w 4297236"/>
              <a:gd name="connsiteY23" fmla="*/ 2997292 h 4117203"/>
              <a:gd name="connsiteX24" fmla="*/ 0 w 4297236"/>
              <a:gd name="connsiteY24" fmla="*/ 2276555 h 4117203"/>
              <a:gd name="connsiteX25" fmla="*/ 659250 w 4297236"/>
              <a:gd name="connsiteY25" fmla="*/ 1558758 h 4117203"/>
              <a:gd name="connsiteX26" fmla="*/ 2151385 w 4297236"/>
              <a:gd name="connsiteY26" fmla="*/ 352967 h 4117203"/>
              <a:gd name="connsiteX27" fmla="*/ 3388708 w 4297236"/>
              <a:gd name="connsiteY27" fmla="*/ 29 h 4117203"/>
              <a:gd name="connsiteX28" fmla="*/ 3668182 w 4297236"/>
              <a:gd name="connsiteY28" fmla="*/ 271086 h 4117203"/>
              <a:gd name="connsiteX29" fmla="*/ 3396537 w 4297236"/>
              <a:gd name="connsiteY29" fmla="*/ 549950 h 4117203"/>
              <a:gd name="connsiteX30" fmla="*/ 3388708 w 4297236"/>
              <a:gd name="connsiteY30" fmla="*/ 549950 h 4117203"/>
              <a:gd name="connsiteX31" fmla="*/ 3117057 w 4297236"/>
              <a:gd name="connsiteY31" fmla="*/ 271086 h 4117203"/>
              <a:gd name="connsiteX32" fmla="*/ 3388708 w 4297236"/>
              <a:gd name="connsiteY32" fmla="*/ 29 h 41172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</a:cxnLst>
            <a:rect l="l" t="t" r="r" b="b"/>
            <a:pathLst>
              <a:path w="4297236" h="4117203">
                <a:moveTo>
                  <a:pt x="805268" y="3253485"/>
                </a:moveTo>
                <a:cubicBezTo>
                  <a:pt x="1044283" y="3253485"/>
                  <a:pt x="1238046" y="3446825"/>
                  <a:pt x="1238046" y="3685317"/>
                </a:cubicBezTo>
                <a:cubicBezTo>
                  <a:pt x="1238046" y="3923819"/>
                  <a:pt x="1044293" y="4117148"/>
                  <a:pt x="805268" y="4117203"/>
                </a:cubicBezTo>
                <a:cubicBezTo>
                  <a:pt x="566222" y="4117203"/>
                  <a:pt x="372436" y="3923841"/>
                  <a:pt x="372436" y="3685317"/>
                </a:cubicBezTo>
                <a:cubicBezTo>
                  <a:pt x="372469" y="3446814"/>
                  <a:pt x="566244" y="3253485"/>
                  <a:pt x="805268" y="3253485"/>
                </a:cubicBezTo>
                <a:close/>
                <a:moveTo>
                  <a:pt x="4071546" y="2493830"/>
                </a:moveTo>
                <a:cubicBezTo>
                  <a:pt x="4074812" y="2493791"/>
                  <a:pt x="4078084" y="2493791"/>
                  <a:pt x="4081352" y="2493830"/>
                </a:cubicBezTo>
                <a:cubicBezTo>
                  <a:pt x="4141109" y="2494505"/>
                  <a:pt x="4197901" y="2507232"/>
                  <a:pt x="4249433" y="2529671"/>
                </a:cubicBezTo>
                <a:lnTo>
                  <a:pt x="4297236" y="2556265"/>
                </a:lnTo>
                <a:lnTo>
                  <a:pt x="4297236" y="3295281"/>
                </a:lnTo>
                <a:lnTo>
                  <a:pt x="4247058" y="3322716"/>
                </a:lnTo>
                <a:cubicBezTo>
                  <a:pt x="4196127" y="3344533"/>
                  <a:pt x="4140151" y="3356883"/>
                  <a:pt x="4081352" y="3357548"/>
                </a:cubicBezTo>
                <a:cubicBezTo>
                  <a:pt x="3842322" y="3360249"/>
                  <a:pt x="3646352" y="3169093"/>
                  <a:pt x="3643641" y="2930584"/>
                </a:cubicBezTo>
                <a:cubicBezTo>
                  <a:pt x="3640934" y="2692071"/>
                  <a:pt x="3832514" y="2496529"/>
                  <a:pt x="4071546" y="2493830"/>
                </a:cubicBezTo>
                <a:close/>
                <a:moveTo>
                  <a:pt x="4297236" y="748924"/>
                </a:moveTo>
                <a:lnTo>
                  <a:pt x="4297236" y="2198341"/>
                </a:lnTo>
                <a:lnTo>
                  <a:pt x="4264865" y="2171694"/>
                </a:lnTo>
                <a:cubicBezTo>
                  <a:pt x="4086269" y="1993510"/>
                  <a:pt x="3975797" y="1747344"/>
                  <a:pt x="3975783" y="1475430"/>
                </a:cubicBezTo>
                <a:cubicBezTo>
                  <a:pt x="3975818" y="1194003"/>
                  <a:pt x="4095399" y="934985"/>
                  <a:pt x="4291838" y="753157"/>
                </a:cubicBezTo>
                <a:close/>
                <a:moveTo>
                  <a:pt x="2151385" y="352967"/>
                </a:moveTo>
                <a:cubicBezTo>
                  <a:pt x="2993770" y="352967"/>
                  <a:pt x="3676578" y="1034339"/>
                  <a:pt x="3676578" y="1874828"/>
                </a:cubicBezTo>
                <a:cubicBezTo>
                  <a:pt x="3676578" y="2715317"/>
                  <a:pt x="2993770" y="3396690"/>
                  <a:pt x="2151385" y="3396690"/>
                </a:cubicBezTo>
                <a:cubicBezTo>
                  <a:pt x="1732659" y="3397172"/>
                  <a:pt x="1332258" y="3225371"/>
                  <a:pt x="1044577" y="2921781"/>
                </a:cubicBezTo>
                <a:cubicBezTo>
                  <a:pt x="944498" y="2971600"/>
                  <a:pt x="834156" y="2997457"/>
                  <a:pt x="722314" y="2997292"/>
                </a:cubicBezTo>
                <a:cubicBezTo>
                  <a:pt x="323391" y="2997292"/>
                  <a:pt x="0" y="2674607"/>
                  <a:pt x="0" y="2276555"/>
                </a:cubicBezTo>
                <a:cubicBezTo>
                  <a:pt x="94" y="1902965"/>
                  <a:pt x="286270" y="1591374"/>
                  <a:pt x="659250" y="1558758"/>
                </a:cubicBezTo>
                <a:cubicBezTo>
                  <a:pt x="805046" y="869957"/>
                  <a:pt x="1417680" y="352967"/>
                  <a:pt x="2151385" y="352967"/>
                </a:cubicBezTo>
                <a:close/>
                <a:moveTo>
                  <a:pt x="3388708" y="29"/>
                </a:moveTo>
                <a:cubicBezTo>
                  <a:pt x="3540900" y="-2128"/>
                  <a:pt x="3666022" y="119227"/>
                  <a:pt x="3668182" y="271086"/>
                </a:cubicBezTo>
                <a:cubicBezTo>
                  <a:pt x="3670344" y="422940"/>
                  <a:pt x="3548723" y="547793"/>
                  <a:pt x="3396537" y="549950"/>
                </a:cubicBezTo>
                <a:cubicBezTo>
                  <a:pt x="3393926" y="549988"/>
                  <a:pt x="3391320" y="549988"/>
                  <a:pt x="3388708" y="549950"/>
                </a:cubicBezTo>
                <a:cubicBezTo>
                  <a:pt x="3236516" y="547793"/>
                  <a:pt x="3114896" y="422940"/>
                  <a:pt x="3117057" y="271086"/>
                </a:cubicBezTo>
                <a:cubicBezTo>
                  <a:pt x="3119174" y="122270"/>
                  <a:pt x="3239567" y="2141"/>
                  <a:pt x="3388708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3986965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61" name="Tijdelijke aanduiding voor afbeelding 60">
            <a:extLst>
              <a:ext uri="{FF2B5EF4-FFF2-40B4-BE49-F238E27FC236}">
                <a16:creationId xmlns:a16="http://schemas.microsoft.com/office/drawing/2014/main" id="{309ECD81-0C27-3645-AD87-99A6B5E5DF4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082877" y="1571043"/>
            <a:ext cx="6547523" cy="4723732"/>
          </a:xfrm>
          <a:custGeom>
            <a:avLst/>
            <a:gdLst>
              <a:gd name="connsiteX0" fmla="*/ 4083177 w 8550656"/>
              <a:gd name="connsiteY0" fmla="*/ 4782693 h 6168898"/>
              <a:gd name="connsiteX1" fmla="*/ 4747768 w 8550656"/>
              <a:gd name="connsiteY1" fmla="*/ 5447284 h 6168898"/>
              <a:gd name="connsiteX2" fmla="*/ 4747768 w 8550656"/>
              <a:gd name="connsiteY2" fmla="*/ 5447348 h 6168898"/>
              <a:gd name="connsiteX3" fmla="*/ 4747895 w 8550656"/>
              <a:gd name="connsiteY3" fmla="*/ 5447284 h 6168898"/>
              <a:gd name="connsiteX4" fmla="*/ 4083305 w 8550656"/>
              <a:gd name="connsiteY4" fmla="*/ 6111875 h 6168898"/>
              <a:gd name="connsiteX5" fmla="*/ 4083304 w 8550656"/>
              <a:gd name="connsiteY5" fmla="*/ 6111875 h 6168898"/>
              <a:gd name="connsiteX6" fmla="*/ 3418523 w 8550656"/>
              <a:gd name="connsiteY6" fmla="*/ 5447475 h 6168898"/>
              <a:gd name="connsiteX7" fmla="*/ 3418523 w 8550656"/>
              <a:gd name="connsiteY7" fmla="*/ 5447348 h 6168898"/>
              <a:gd name="connsiteX8" fmla="*/ 4083177 w 8550656"/>
              <a:gd name="connsiteY8" fmla="*/ 4782693 h 6168898"/>
              <a:gd name="connsiteX9" fmla="*/ 3255645 w 8550656"/>
              <a:gd name="connsiteY9" fmla="*/ 4541076 h 6168898"/>
              <a:gd name="connsiteX10" fmla="*/ 3255645 w 8550656"/>
              <a:gd name="connsiteY10" fmla="*/ 4541139 h 6168898"/>
              <a:gd name="connsiteX11" fmla="*/ 3255643 w 8550656"/>
              <a:gd name="connsiteY11" fmla="*/ 4541113 h 6168898"/>
              <a:gd name="connsiteX12" fmla="*/ 4390390 w 8550656"/>
              <a:gd name="connsiteY12" fmla="*/ 4371657 h 6168898"/>
              <a:gd name="connsiteX13" fmla="*/ 4390390 w 8550656"/>
              <a:gd name="connsiteY13" fmla="*/ 4371658 h 6168898"/>
              <a:gd name="connsiteX14" fmla="*/ 4390390 w 8550656"/>
              <a:gd name="connsiteY14" fmla="*/ 4371658 h 6168898"/>
              <a:gd name="connsiteX15" fmla="*/ 4703318 w 8550656"/>
              <a:gd name="connsiteY15" fmla="*/ 4058793 h 6168898"/>
              <a:gd name="connsiteX16" fmla="*/ 5016183 w 8550656"/>
              <a:gd name="connsiteY16" fmla="*/ 4371658 h 6168898"/>
              <a:gd name="connsiteX17" fmla="*/ 4703382 w 8550656"/>
              <a:gd name="connsiteY17" fmla="*/ 4684586 h 6168898"/>
              <a:gd name="connsiteX18" fmla="*/ 4703318 w 8550656"/>
              <a:gd name="connsiteY18" fmla="*/ 4684586 h 6168898"/>
              <a:gd name="connsiteX19" fmla="*/ 4414982 w 8550656"/>
              <a:gd name="connsiteY19" fmla="*/ 4493463 h 6168898"/>
              <a:gd name="connsiteX20" fmla="*/ 4390390 w 8550656"/>
              <a:gd name="connsiteY20" fmla="*/ 4371658 h 6168898"/>
              <a:gd name="connsiteX21" fmla="*/ 4415000 w 8550656"/>
              <a:gd name="connsiteY21" fmla="*/ 4249873 h 6168898"/>
              <a:gd name="connsiteX22" fmla="*/ 4703318 w 8550656"/>
              <a:gd name="connsiteY22" fmla="*/ 4058793 h 6168898"/>
              <a:gd name="connsiteX23" fmla="*/ 4036378 w 8550656"/>
              <a:gd name="connsiteY23" fmla="*/ 3005772 h 6168898"/>
              <a:gd name="connsiteX24" fmla="*/ 4036378 w 8550656"/>
              <a:gd name="connsiteY24" fmla="*/ 3005773 h 6168898"/>
              <a:gd name="connsiteX25" fmla="*/ 4036378 w 8550656"/>
              <a:gd name="connsiteY25" fmla="*/ 3005773 h 6168898"/>
              <a:gd name="connsiteX26" fmla="*/ 2916428 w 8550656"/>
              <a:gd name="connsiteY26" fmla="*/ 1885252 h 6168898"/>
              <a:gd name="connsiteX27" fmla="*/ 4013639 w 8550656"/>
              <a:gd name="connsiteY27" fmla="*/ 2780021 h 6168898"/>
              <a:gd name="connsiteX28" fmla="*/ 4036378 w 8550656"/>
              <a:gd name="connsiteY28" fmla="*/ 3005773 h 6168898"/>
              <a:gd name="connsiteX29" fmla="*/ 4020484 w 8550656"/>
              <a:gd name="connsiteY29" fmla="*/ 3194311 h 6168898"/>
              <a:gd name="connsiteX30" fmla="*/ 3192780 w 8550656"/>
              <a:gd name="connsiteY30" fmla="*/ 4091813 h 6168898"/>
              <a:gd name="connsiteX31" fmla="*/ 3239936 w 8550656"/>
              <a:gd name="connsiteY31" fmla="*/ 4314277 h 6168898"/>
              <a:gd name="connsiteX32" fmla="*/ 3255643 w 8550656"/>
              <a:gd name="connsiteY32" fmla="*/ 4541113 h 6168898"/>
              <a:gd name="connsiteX33" fmla="*/ 3247241 w 8550656"/>
              <a:gd name="connsiteY33" fmla="*/ 4707513 h 6168898"/>
              <a:gd name="connsiteX34" fmla="*/ 1627823 w 8550656"/>
              <a:gd name="connsiteY34" fmla="*/ 6168898 h 6168898"/>
              <a:gd name="connsiteX35" fmla="*/ 0 w 8550656"/>
              <a:gd name="connsiteY35" fmla="*/ 4541076 h 6168898"/>
              <a:gd name="connsiteX36" fmla="*/ 1627823 w 8550656"/>
              <a:gd name="connsiteY36" fmla="*/ 2913317 h 6168898"/>
              <a:gd name="connsiteX37" fmla="*/ 1798828 w 8550656"/>
              <a:gd name="connsiteY37" fmla="*/ 2922207 h 6168898"/>
              <a:gd name="connsiteX38" fmla="*/ 2916428 w 8550656"/>
              <a:gd name="connsiteY38" fmla="*/ 1885252 h 6168898"/>
              <a:gd name="connsiteX39" fmla="*/ 1485456 w 8550656"/>
              <a:gd name="connsiteY39" fmla="*/ 1659064 h 6168898"/>
              <a:gd name="connsiteX40" fmla="*/ 1485463 w 8550656"/>
              <a:gd name="connsiteY40" fmla="*/ 1659096 h 6168898"/>
              <a:gd name="connsiteX41" fmla="*/ 1485456 w 8550656"/>
              <a:gd name="connsiteY41" fmla="*/ 1659128 h 6168898"/>
              <a:gd name="connsiteX42" fmla="*/ 1737741 w 8550656"/>
              <a:gd name="connsiteY42" fmla="*/ 1406842 h 6168898"/>
              <a:gd name="connsiteX43" fmla="*/ 1990026 w 8550656"/>
              <a:gd name="connsiteY43" fmla="*/ 1659128 h 6168898"/>
              <a:gd name="connsiteX44" fmla="*/ 1990027 w 8550656"/>
              <a:gd name="connsiteY44" fmla="*/ 1659128 h 6168898"/>
              <a:gd name="connsiteX45" fmla="*/ 1737741 w 8550656"/>
              <a:gd name="connsiteY45" fmla="*/ 1911350 h 6168898"/>
              <a:gd name="connsiteX46" fmla="*/ 1505282 w 8550656"/>
              <a:gd name="connsiteY46" fmla="*/ 1757266 h 6168898"/>
              <a:gd name="connsiteX47" fmla="*/ 1485463 w 8550656"/>
              <a:gd name="connsiteY47" fmla="*/ 1659096 h 6168898"/>
              <a:gd name="connsiteX48" fmla="*/ 1505282 w 8550656"/>
              <a:gd name="connsiteY48" fmla="*/ 1560928 h 6168898"/>
              <a:gd name="connsiteX49" fmla="*/ 1737741 w 8550656"/>
              <a:gd name="connsiteY49" fmla="*/ 1406842 h 6168898"/>
              <a:gd name="connsiteX50" fmla="*/ 810260 w 8550656"/>
              <a:gd name="connsiteY50" fmla="*/ 1304417 h 6168898"/>
              <a:gd name="connsiteX51" fmla="*/ 1449769 w 8550656"/>
              <a:gd name="connsiteY51" fmla="*/ 1943926 h 6168898"/>
              <a:gd name="connsiteX52" fmla="*/ 810260 w 8550656"/>
              <a:gd name="connsiteY52" fmla="*/ 2583434 h 6168898"/>
              <a:gd name="connsiteX53" fmla="*/ 170752 w 8550656"/>
              <a:gd name="connsiteY53" fmla="*/ 1943926 h 6168898"/>
              <a:gd name="connsiteX54" fmla="*/ 171006 w 8550656"/>
              <a:gd name="connsiteY54" fmla="*/ 1943926 h 6168898"/>
              <a:gd name="connsiteX55" fmla="*/ 810260 w 8550656"/>
              <a:gd name="connsiteY55" fmla="*/ 1304417 h 6168898"/>
              <a:gd name="connsiteX56" fmla="*/ 3916426 w 8550656"/>
              <a:gd name="connsiteY56" fmla="*/ 864045 h 6168898"/>
              <a:gd name="connsiteX57" fmla="*/ 3916680 w 8550656"/>
              <a:gd name="connsiteY57" fmla="*/ 864045 h 6168898"/>
              <a:gd name="connsiteX58" fmla="*/ 4408107 w 8550656"/>
              <a:gd name="connsiteY58" fmla="*/ 1355471 h 6168898"/>
              <a:gd name="connsiteX59" fmla="*/ 3916680 w 8550656"/>
              <a:gd name="connsiteY59" fmla="*/ 1846898 h 6168898"/>
              <a:gd name="connsiteX60" fmla="*/ 3425317 w 8550656"/>
              <a:gd name="connsiteY60" fmla="*/ 1355535 h 6168898"/>
              <a:gd name="connsiteX61" fmla="*/ 3425317 w 8550656"/>
              <a:gd name="connsiteY61" fmla="*/ 1355471 h 6168898"/>
              <a:gd name="connsiteX62" fmla="*/ 3425127 w 8550656"/>
              <a:gd name="connsiteY62" fmla="*/ 1355471 h 6168898"/>
              <a:gd name="connsiteX63" fmla="*/ 3916426 w 8550656"/>
              <a:gd name="connsiteY63" fmla="*/ 864045 h 6168898"/>
              <a:gd name="connsiteX64" fmla="*/ 6108192 w 8550656"/>
              <a:gd name="connsiteY64" fmla="*/ 819531 h 6168898"/>
              <a:gd name="connsiteX65" fmla="*/ 7364730 w 8550656"/>
              <a:gd name="connsiteY65" fmla="*/ 1359916 h 6168898"/>
              <a:gd name="connsiteX66" fmla="*/ 7730426 w 8550656"/>
              <a:gd name="connsiteY66" fmla="*/ 1274001 h 6168898"/>
              <a:gd name="connsiteX67" fmla="*/ 8550465 w 8550656"/>
              <a:gd name="connsiteY67" fmla="*/ 2094040 h 6168898"/>
              <a:gd name="connsiteX68" fmla="*/ 8550656 w 8550656"/>
              <a:gd name="connsiteY68" fmla="*/ 2093976 h 6168898"/>
              <a:gd name="connsiteX69" fmla="*/ 7802436 w 8550656"/>
              <a:gd name="connsiteY69" fmla="*/ 2910840 h 6168898"/>
              <a:gd name="connsiteX70" fmla="*/ 6108192 w 8550656"/>
              <a:gd name="connsiteY70" fmla="*/ 4282948 h 6168898"/>
              <a:gd name="connsiteX71" fmla="*/ 4376420 w 8550656"/>
              <a:gd name="connsiteY71" fmla="*/ 2551240 h 6168898"/>
              <a:gd name="connsiteX72" fmla="*/ 6108192 w 8550656"/>
              <a:gd name="connsiteY72" fmla="*/ 819531 h 6168898"/>
              <a:gd name="connsiteX73" fmla="*/ 7636510 w 8550656"/>
              <a:gd name="connsiteY73" fmla="*/ 0 h 6168898"/>
              <a:gd name="connsiteX74" fmla="*/ 8127937 w 8550656"/>
              <a:gd name="connsiteY74" fmla="*/ 491427 h 6168898"/>
              <a:gd name="connsiteX75" fmla="*/ 8127936 w 8550656"/>
              <a:gd name="connsiteY75" fmla="*/ 491427 h 6168898"/>
              <a:gd name="connsiteX76" fmla="*/ 7636573 w 8550656"/>
              <a:gd name="connsiteY76" fmla="*/ 982790 h 6168898"/>
              <a:gd name="connsiteX77" fmla="*/ 7636510 w 8550656"/>
              <a:gd name="connsiteY77" fmla="*/ 982790 h 6168898"/>
              <a:gd name="connsiteX78" fmla="*/ 7145084 w 8550656"/>
              <a:gd name="connsiteY78" fmla="*/ 491490 h 6168898"/>
              <a:gd name="connsiteX79" fmla="*/ 7145084 w 8550656"/>
              <a:gd name="connsiteY79" fmla="*/ 491427 h 6168898"/>
              <a:gd name="connsiteX80" fmla="*/ 7145084 w 8550656"/>
              <a:gd name="connsiteY80" fmla="*/ 491109 h 6168898"/>
              <a:gd name="connsiteX81" fmla="*/ 7636510 w 8550656"/>
              <a:gd name="connsiteY81" fmla="*/ 0 h 61688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8550656" h="6168898">
                <a:moveTo>
                  <a:pt x="4083177" y="4782693"/>
                </a:moveTo>
                <a:cubicBezTo>
                  <a:pt x="4450221" y="4782693"/>
                  <a:pt x="4747768" y="5080241"/>
                  <a:pt x="4747768" y="5447284"/>
                </a:cubicBezTo>
                <a:cubicBezTo>
                  <a:pt x="4747768" y="5447305"/>
                  <a:pt x="4747768" y="5447326"/>
                  <a:pt x="4747768" y="5447348"/>
                </a:cubicBezTo>
                <a:lnTo>
                  <a:pt x="4747895" y="5447284"/>
                </a:lnTo>
                <a:cubicBezTo>
                  <a:pt x="4747895" y="5814328"/>
                  <a:pt x="4450348" y="6111875"/>
                  <a:pt x="4083305" y="6111875"/>
                </a:cubicBezTo>
                <a:lnTo>
                  <a:pt x="4083304" y="6111875"/>
                </a:lnTo>
                <a:cubicBezTo>
                  <a:pt x="3716261" y="6111980"/>
                  <a:pt x="3418628" y="5814518"/>
                  <a:pt x="3418523" y="5447475"/>
                </a:cubicBezTo>
                <a:cubicBezTo>
                  <a:pt x="3418523" y="5447432"/>
                  <a:pt x="3418523" y="5447390"/>
                  <a:pt x="3418523" y="5447348"/>
                </a:cubicBezTo>
                <a:cubicBezTo>
                  <a:pt x="3418523" y="5080269"/>
                  <a:pt x="3716099" y="4782693"/>
                  <a:pt x="4083177" y="4782693"/>
                </a:cubicBezTo>
                <a:close/>
                <a:moveTo>
                  <a:pt x="3255645" y="4541076"/>
                </a:moveTo>
                <a:lnTo>
                  <a:pt x="3255645" y="4541139"/>
                </a:lnTo>
                <a:lnTo>
                  <a:pt x="3255643" y="4541113"/>
                </a:lnTo>
                <a:close/>
                <a:moveTo>
                  <a:pt x="4390390" y="4371657"/>
                </a:moveTo>
                <a:lnTo>
                  <a:pt x="4390390" y="4371658"/>
                </a:lnTo>
                <a:lnTo>
                  <a:pt x="4390390" y="4371658"/>
                </a:lnTo>
                <a:close/>
                <a:moveTo>
                  <a:pt x="4703318" y="4058793"/>
                </a:moveTo>
                <a:cubicBezTo>
                  <a:pt x="4876109" y="4058793"/>
                  <a:pt x="5016183" y="4198868"/>
                  <a:pt x="5016183" y="4371658"/>
                </a:cubicBezTo>
                <a:cubicBezTo>
                  <a:pt x="5016218" y="4544448"/>
                  <a:pt x="4876172" y="4684551"/>
                  <a:pt x="4703382" y="4684586"/>
                </a:cubicBezTo>
                <a:cubicBezTo>
                  <a:pt x="4703361" y="4684586"/>
                  <a:pt x="4703339" y="4684586"/>
                  <a:pt x="4703318" y="4684586"/>
                </a:cubicBezTo>
                <a:cubicBezTo>
                  <a:pt x="4573699" y="4684586"/>
                  <a:pt x="4462487" y="4605778"/>
                  <a:pt x="4414982" y="4493463"/>
                </a:cubicBezTo>
                <a:lnTo>
                  <a:pt x="4390390" y="4371658"/>
                </a:lnTo>
                <a:lnTo>
                  <a:pt x="4415000" y="4249873"/>
                </a:lnTo>
                <a:cubicBezTo>
                  <a:pt x="4462516" y="4137579"/>
                  <a:pt x="4573718" y="4058793"/>
                  <a:pt x="4703318" y="4058793"/>
                </a:cubicBezTo>
                <a:close/>
                <a:moveTo>
                  <a:pt x="4036378" y="3005772"/>
                </a:moveTo>
                <a:lnTo>
                  <a:pt x="4036378" y="3005773"/>
                </a:lnTo>
                <a:lnTo>
                  <a:pt x="4036378" y="3005773"/>
                </a:lnTo>
                <a:close/>
                <a:moveTo>
                  <a:pt x="2916428" y="1885252"/>
                </a:moveTo>
                <a:cubicBezTo>
                  <a:pt x="3457736" y="1885497"/>
                  <a:pt x="3909244" y="2269568"/>
                  <a:pt x="4013639" y="2780021"/>
                </a:cubicBezTo>
                <a:lnTo>
                  <a:pt x="4036378" y="3005773"/>
                </a:lnTo>
                <a:lnTo>
                  <a:pt x="4020484" y="3194311"/>
                </a:lnTo>
                <a:cubicBezTo>
                  <a:pt x="3947224" y="3624780"/>
                  <a:pt x="3627063" y="3980928"/>
                  <a:pt x="3192780" y="4091813"/>
                </a:cubicBezTo>
                <a:cubicBezTo>
                  <a:pt x="3213689" y="4164868"/>
                  <a:pt x="3229433" y="4239206"/>
                  <a:pt x="3239936" y="4314277"/>
                </a:cubicBezTo>
                <a:lnTo>
                  <a:pt x="3255643" y="4541113"/>
                </a:lnTo>
                <a:lnTo>
                  <a:pt x="3247241" y="4707513"/>
                </a:lnTo>
                <a:cubicBezTo>
                  <a:pt x="3163882" y="5528361"/>
                  <a:pt x="2470667" y="6168898"/>
                  <a:pt x="1627823" y="6168898"/>
                </a:cubicBezTo>
                <a:cubicBezTo>
                  <a:pt x="728790" y="6168898"/>
                  <a:pt x="0" y="5440109"/>
                  <a:pt x="0" y="4541076"/>
                </a:cubicBezTo>
                <a:cubicBezTo>
                  <a:pt x="0" y="3642106"/>
                  <a:pt x="728790" y="2913317"/>
                  <a:pt x="1627823" y="2913317"/>
                </a:cubicBezTo>
                <a:cubicBezTo>
                  <a:pt x="1684940" y="2913324"/>
                  <a:pt x="1742018" y="2916291"/>
                  <a:pt x="1798828" y="2922207"/>
                </a:cubicBezTo>
                <a:cubicBezTo>
                  <a:pt x="1842539" y="2337320"/>
                  <a:pt x="2329911" y="1885116"/>
                  <a:pt x="2916428" y="1885252"/>
                </a:cubicBezTo>
                <a:close/>
                <a:moveTo>
                  <a:pt x="1485456" y="1659064"/>
                </a:moveTo>
                <a:lnTo>
                  <a:pt x="1485463" y="1659096"/>
                </a:lnTo>
                <a:lnTo>
                  <a:pt x="1485456" y="1659128"/>
                </a:lnTo>
                <a:close/>
                <a:moveTo>
                  <a:pt x="1737741" y="1406842"/>
                </a:moveTo>
                <a:cubicBezTo>
                  <a:pt x="1877074" y="1406842"/>
                  <a:pt x="1990026" y="1519795"/>
                  <a:pt x="1990026" y="1659128"/>
                </a:cubicBezTo>
                <a:lnTo>
                  <a:pt x="1990027" y="1659128"/>
                </a:lnTo>
                <a:cubicBezTo>
                  <a:pt x="1989992" y="1798437"/>
                  <a:pt x="1877050" y="1911350"/>
                  <a:pt x="1737741" y="1911350"/>
                </a:cubicBezTo>
                <a:cubicBezTo>
                  <a:pt x="1633241" y="1911350"/>
                  <a:pt x="1543581" y="1847815"/>
                  <a:pt x="1505282" y="1757266"/>
                </a:cubicBezTo>
                <a:lnTo>
                  <a:pt x="1485463" y="1659096"/>
                </a:lnTo>
                <a:lnTo>
                  <a:pt x="1505282" y="1560928"/>
                </a:lnTo>
                <a:cubicBezTo>
                  <a:pt x="1543581" y="1470378"/>
                  <a:pt x="1633241" y="1406842"/>
                  <a:pt x="1737741" y="1406842"/>
                </a:cubicBezTo>
                <a:close/>
                <a:moveTo>
                  <a:pt x="810260" y="1304417"/>
                </a:moveTo>
                <a:cubicBezTo>
                  <a:pt x="1163451" y="1304417"/>
                  <a:pt x="1449769" y="1590735"/>
                  <a:pt x="1449769" y="1943926"/>
                </a:cubicBezTo>
                <a:cubicBezTo>
                  <a:pt x="1449769" y="2297117"/>
                  <a:pt x="1163451" y="2583434"/>
                  <a:pt x="810260" y="2583434"/>
                </a:cubicBezTo>
                <a:cubicBezTo>
                  <a:pt x="457069" y="2583434"/>
                  <a:pt x="170752" y="2297116"/>
                  <a:pt x="170752" y="1943926"/>
                </a:cubicBezTo>
                <a:lnTo>
                  <a:pt x="171006" y="1943926"/>
                </a:lnTo>
                <a:cubicBezTo>
                  <a:pt x="171006" y="1590834"/>
                  <a:pt x="457169" y="1304557"/>
                  <a:pt x="810260" y="1304417"/>
                </a:cubicBezTo>
                <a:close/>
                <a:moveTo>
                  <a:pt x="3916426" y="864045"/>
                </a:moveTo>
                <a:cubicBezTo>
                  <a:pt x="3916511" y="864045"/>
                  <a:pt x="3916596" y="864045"/>
                  <a:pt x="3916680" y="864045"/>
                </a:cubicBezTo>
                <a:cubicBezTo>
                  <a:pt x="4188088" y="864045"/>
                  <a:pt x="4408107" y="1084064"/>
                  <a:pt x="4408107" y="1355471"/>
                </a:cubicBezTo>
                <a:cubicBezTo>
                  <a:pt x="4408107" y="1626878"/>
                  <a:pt x="4188088" y="1846898"/>
                  <a:pt x="3916680" y="1846898"/>
                </a:cubicBezTo>
                <a:cubicBezTo>
                  <a:pt x="3645308" y="1846898"/>
                  <a:pt x="3425317" y="1626907"/>
                  <a:pt x="3425317" y="1355535"/>
                </a:cubicBezTo>
                <a:cubicBezTo>
                  <a:pt x="3425317" y="1355513"/>
                  <a:pt x="3425317" y="1355492"/>
                  <a:pt x="3425317" y="1355471"/>
                </a:cubicBezTo>
                <a:lnTo>
                  <a:pt x="3425127" y="1355471"/>
                </a:lnTo>
                <a:cubicBezTo>
                  <a:pt x="3425092" y="1084099"/>
                  <a:pt x="3645054" y="864080"/>
                  <a:pt x="3916426" y="864045"/>
                </a:cubicBezTo>
                <a:close/>
                <a:moveTo>
                  <a:pt x="6108192" y="819531"/>
                </a:moveTo>
                <a:cubicBezTo>
                  <a:pt x="6583554" y="819071"/>
                  <a:pt x="7038093" y="1014549"/>
                  <a:pt x="7364730" y="1359916"/>
                </a:cubicBezTo>
                <a:cubicBezTo>
                  <a:pt x="7478299" y="1303257"/>
                  <a:pt x="7603508" y="1273841"/>
                  <a:pt x="7730426" y="1274001"/>
                </a:cubicBezTo>
                <a:cubicBezTo>
                  <a:pt x="8183321" y="1274001"/>
                  <a:pt x="8550465" y="1641145"/>
                  <a:pt x="8550465" y="2094040"/>
                </a:cubicBezTo>
                <a:lnTo>
                  <a:pt x="8550656" y="2093976"/>
                </a:lnTo>
                <a:cubicBezTo>
                  <a:pt x="8550644" y="2519027"/>
                  <a:pt x="8225853" y="2873614"/>
                  <a:pt x="7802436" y="2910840"/>
                </a:cubicBezTo>
                <a:cubicBezTo>
                  <a:pt x="7636891" y="3694684"/>
                  <a:pt x="6941249" y="4282948"/>
                  <a:pt x="6108192" y="4282948"/>
                </a:cubicBezTo>
                <a:cubicBezTo>
                  <a:pt x="5151755" y="4282948"/>
                  <a:pt x="4376420" y="3507677"/>
                  <a:pt x="4376420" y="2551240"/>
                </a:cubicBezTo>
                <a:cubicBezTo>
                  <a:pt x="4376420" y="1594803"/>
                  <a:pt x="5151755" y="819531"/>
                  <a:pt x="6108192" y="819531"/>
                </a:cubicBezTo>
                <a:close/>
                <a:moveTo>
                  <a:pt x="7636510" y="0"/>
                </a:moveTo>
                <a:cubicBezTo>
                  <a:pt x="7907918" y="0"/>
                  <a:pt x="8127937" y="220019"/>
                  <a:pt x="8127937" y="491427"/>
                </a:cubicBezTo>
                <a:lnTo>
                  <a:pt x="8127936" y="491427"/>
                </a:lnTo>
                <a:cubicBezTo>
                  <a:pt x="8127936" y="762799"/>
                  <a:pt x="7907946" y="982790"/>
                  <a:pt x="7636573" y="982790"/>
                </a:cubicBezTo>
                <a:cubicBezTo>
                  <a:pt x="7636552" y="982790"/>
                  <a:pt x="7636530" y="982790"/>
                  <a:pt x="7636510" y="982790"/>
                </a:cubicBezTo>
                <a:cubicBezTo>
                  <a:pt x="7365138" y="982825"/>
                  <a:pt x="7145119" y="762862"/>
                  <a:pt x="7145084" y="491490"/>
                </a:cubicBezTo>
                <a:cubicBezTo>
                  <a:pt x="7145084" y="491469"/>
                  <a:pt x="7145084" y="491448"/>
                  <a:pt x="7145084" y="491427"/>
                </a:cubicBezTo>
                <a:lnTo>
                  <a:pt x="7145084" y="491109"/>
                </a:lnTo>
                <a:cubicBezTo>
                  <a:pt x="7145259" y="219826"/>
                  <a:pt x="7365227" y="0"/>
                  <a:pt x="7636510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5355514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F18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rgbClr val="18407F"/>
                </a:solidFill>
              </a:defRPr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rgbClr val="18407F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9" name="Tijdelijke aanduiding voor afbeelding 8">
            <a:extLst>
              <a:ext uri="{FF2B5EF4-FFF2-40B4-BE49-F238E27FC236}">
                <a16:creationId xmlns:a16="http://schemas.microsoft.com/office/drawing/2014/main" id="{CC6C789D-C5BD-0E40-AF52-3B3A2396B68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082877" y="1571043"/>
            <a:ext cx="6547523" cy="4723732"/>
          </a:xfrm>
          <a:custGeom>
            <a:avLst/>
            <a:gdLst>
              <a:gd name="connsiteX0" fmla="*/ 4083177 w 8550656"/>
              <a:gd name="connsiteY0" fmla="*/ 4782693 h 6168898"/>
              <a:gd name="connsiteX1" fmla="*/ 4747768 w 8550656"/>
              <a:gd name="connsiteY1" fmla="*/ 5447284 h 6168898"/>
              <a:gd name="connsiteX2" fmla="*/ 4747768 w 8550656"/>
              <a:gd name="connsiteY2" fmla="*/ 5447348 h 6168898"/>
              <a:gd name="connsiteX3" fmla="*/ 4747895 w 8550656"/>
              <a:gd name="connsiteY3" fmla="*/ 5447284 h 6168898"/>
              <a:gd name="connsiteX4" fmla="*/ 4083305 w 8550656"/>
              <a:gd name="connsiteY4" fmla="*/ 6111875 h 6168898"/>
              <a:gd name="connsiteX5" fmla="*/ 4083304 w 8550656"/>
              <a:gd name="connsiteY5" fmla="*/ 6111875 h 6168898"/>
              <a:gd name="connsiteX6" fmla="*/ 3418523 w 8550656"/>
              <a:gd name="connsiteY6" fmla="*/ 5447475 h 6168898"/>
              <a:gd name="connsiteX7" fmla="*/ 3418523 w 8550656"/>
              <a:gd name="connsiteY7" fmla="*/ 5447348 h 6168898"/>
              <a:gd name="connsiteX8" fmla="*/ 4083177 w 8550656"/>
              <a:gd name="connsiteY8" fmla="*/ 4782693 h 6168898"/>
              <a:gd name="connsiteX9" fmla="*/ 3255645 w 8550656"/>
              <a:gd name="connsiteY9" fmla="*/ 4541076 h 6168898"/>
              <a:gd name="connsiteX10" fmla="*/ 3255645 w 8550656"/>
              <a:gd name="connsiteY10" fmla="*/ 4541139 h 6168898"/>
              <a:gd name="connsiteX11" fmla="*/ 3255643 w 8550656"/>
              <a:gd name="connsiteY11" fmla="*/ 4541113 h 6168898"/>
              <a:gd name="connsiteX12" fmla="*/ 4390390 w 8550656"/>
              <a:gd name="connsiteY12" fmla="*/ 4371657 h 6168898"/>
              <a:gd name="connsiteX13" fmla="*/ 4390390 w 8550656"/>
              <a:gd name="connsiteY13" fmla="*/ 4371658 h 6168898"/>
              <a:gd name="connsiteX14" fmla="*/ 4390390 w 8550656"/>
              <a:gd name="connsiteY14" fmla="*/ 4371658 h 6168898"/>
              <a:gd name="connsiteX15" fmla="*/ 4703318 w 8550656"/>
              <a:gd name="connsiteY15" fmla="*/ 4058793 h 6168898"/>
              <a:gd name="connsiteX16" fmla="*/ 5016183 w 8550656"/>
              <a:gd name="connsiteY16" fmla="*/ 4371658 h 6168898"/>
              <a:gd name="connsiteX17" fmla="*/ 4703382 w 8550656"/>
              <a:gd name="connsiteY17" fmla="*/ 4684586 h 6168898"/>
              <a:gd name="connsiteX18" fmla="*/ 4703318 w 8550656"/>
              <a:gd name="connsiteY18" fmla="*/ 4684586 h 6168898"/>
              <a:gd name="connsiteX19" fmla="*/ 4414982 w 8550656"/>
              <a:gd name="connsiteY19" fmla="*/ 4493463 h 6168898"/>
              <a:gd name="connsiteX20" fmla="*/ 4390390 w 8550656"/>
              <a:gd name="connsiteY20" fmla="*/ 4371658 h 6168898"/>
              <a:gd name="connsiteX21" fmla="*/ 4415000 w 8550656"/>
              <a:gd name="connsiteY21" fmla="*/ 4249873 h 6168898"/>
              <a:gd name="connsiteX22" fmla="*/ 4703318 w 8550656"/>
              <a:gd name="connsiteY22" fmla="*/ 4058793 h 6168898"/>
              <a:gd name="connsiteX23" fmla="*/ 4036378 w 8550656"/>
              <a:gd name="connsiteY23" fmla="*/ 3005772 h 6168898"/>
              <a:gd name="connsiteX24" fmla="*/ 4036378 w 8550656"/>
              <a:gd name="connsiteY24" fmla="*/ 3005773 h 6168898"/>
              <a:gd name="connsiteX25" fmla="*/ 4036378 w 8550656"/>
              <a:gd name="connsiteY25" fmla="*/ 3005773 h 6168898"/>
              <a:gd name="connsiteX26" fmla="*/ 2916428 w 8550656"/>
              <a:gd name="connsiteY26" fmla="*/ 1885252 h 6168898"/>
              <a:gd name="connsiteX27" fmla="*/ 4013639 w 8550656"/>
              <a:gd name="connsiteY27" fmla="*/ 2780021 h 6168898"/>
              <a:gd name="connsiteX28" fmla="*/ 4036378 w 8550656"/>
              <a:gd name="connsiteY28" fmla="*/ 3005773 h 6168898"/>
              <a:gd name="connsiteX29" fmla="*/ 4020484 w 8550656"/>
              <a:gd name="connsiteY29" fmla="*/ 3194311 h 6168898"/>
              <a:gd name="connsiteX30" fmla="*/ 3192780 w 8550656"/>
              <a:gd name="connsiteY30" fmla="*/ 4091813 h 6168898"/>
              <a:gd name="connsiteX31" fmla="*/ 3239936 w 8550656"/>
              <a:gd name="connsiteY31" fmla="*/ 4314277 h 6168898"/>
              <a:gd name="connsiteX32" fmla="*/ 3255643 w 8550656"/>
              <a:gd name="connsiteY32" fmla="*/ 4541113 h 6168898"/>
              <a:gd name="connsiteX33" fmla="*/ 3247241 w 8550656"/>
              <a:gd name="connsiteY33" fmla="*/ 4707513 h 6168898"/>
              <a:gd name="connsiteX34" fmla="*/ 1627823 w 8550656"/>
              <a:gd name="connsiteY34" fmla="*/ 6168898 h 6168898"/>
              <a:gd name="connsiteX35" fmla="*/ 0 w 8550656"/>
              <a:gd name="connsiteY35" fmla="*/ 4541076 h 6168898"/>
              <a:gd name="connsiteX36" fmla="*/ 1627823 w 8550656"/>
              <a:gd name="connsiteY36" fmla="*/ 2913317 h 6168898"/>
              <a:gd name="connsiteX37" fmla="*/ 1798828 w 8550656"/>
              <a:gd name="connsiteY37" fmla="*/ 2922207 h 6168898"/>
              <a:gd name="connsiteX38" fmla="*/ 2916428 w 8550656"/>
              <a:gd name="connsiteY38" fmla="*/ 1885252 h 6168898"/>
              <a:gd name="connsiteX39" fmla="*/ 1485456 w 8550656"/>
              <a:gd name="connsiteY39" fmla="*/ 1659064 h 6168898"/>
              <a:gd name="connsiteX40" fmla="*/ 1485463 w 8550656"/>
              <a:gd name="connsiteY40" fmla="*/ 1659096 h 6168898"/>
              <a:gd name="connsiteX41" fmla="*/ 1485456 w 8550656"/>
              <a:gd name="connsiteY41" fmla="*/ 1659128 h 6168898"/>
              <a:gd name="connsiteX42" fmla="*/ 1737741 w 8550656"/>
              <a:gd name="connsiteY42" fmla="*/ 1406842 h 6168898"/>
              <a:gd name="connsiteX43" fmla="*/ 1990026 w 8550656"/>
              <a:gd name="connsiteY43" fmla="*/ 1659128 h 6168898"/>
              <a:gd name="connsiteX44" fmla="*/ 1990027 w 8550656"/>
              <a:gd name="connsiteY44" fmla="*/ 1659128 h 6168898"/>
              <a:gd name="connsiteX45" fmla="*/ 1737741 w 8550656"/>
              <a:gd name="connsiteY45" fmla="*/ 1911350 h 6168898"/>
              <a:gd name="connsiteX46" fmla="*/ 1505282 w 8550656"/>
              <a:gd name="connsiteY46" fmla="*/ 1757266 h 6168898"/>
              <a:gd name="connsiteX47" fmla="*/ 1485463 w 8550656"/>
              <a:gd name="connsiteY47" fmla="*/ 1659096 h 6168898"/>
              <a:gd name="connsiteX48" fmla="*/ 1505282 w 8550656"/>
              <a:gd name="connsiteY48" fmla="*/ 1560928 h 6168898"/>
              <a:gd name="connsiteX49" fmla="*/ 1737741 w 8550656"/>
              <a:gd name="connsiteY49" fmla="*/ 1406842 h 6168898"/>
              <a:gd name="connsiteX50" fmla="*/ 810260 w 8550656"/>
              <a:gd name="connsiteY50" fmla="*/ 1304417 h 6168898"/>
              <a:gd name="connsiteX51" fmla="*/ 1449769 w 8550656"/>
              <a:gd name="connsiteY51" fmla="*/ 1943926 h 6168898"/>
              <a:gd name="connsiteX52" fmla="*/ 810260 w 8550656"/>
              <a:gd name="connsiteY52" fmla="*/ 2583434 h 6168898"/>
              <a:gd name="connsiteX53" fmla="*/ 170752 w 8550656"/>
              <a:gd name="connsiteY53" fmla="*/ 1943926 h 6168898"/>
              <a:gd name="connsiteX54" fmla="*/ 171006 w 8550656"/>
              <a:gd name="connsiteY54" fmla="*/ 1943926 h 6168898"/>
              <a:gd name="connsiteX55" fmla="*/ 810260 w 8550656"/>
              <a:gd name="connsiteY55" fmla="*/ 1304417 h 6168898"/>
              <a:gd name="connsiteX56" fmla="*/ 3916426 w 8550656"/>
              <a:gd name="connsiteY56" fmla="*/ 864045 h 6168898"/>
              <a:gd name="connsiteX57" fmla="*/ 3916680 w 8550656"/>
              <a:gd name="connsiteY57" fmla="*/ 864045 h 6168898"/>
              <a:gd name="connsiteX58" fmla="*/ 4408107 w 8550656"/>
              <a:gd name="connsiteY58" fmla="*/ 1355471 h 6168898"/>
              <a:gd name="connsiteX59" fmla="*/ 3916680 w 8550656"/>
              <a:gd name="connsiteY59" fmla="*/ 1846898 h 6168898"/>
              <a:gd name="connsiteX60" fmla="*/ 3425317 w 8550656"/>
              <a:gd name="connsiteY60" fmla="*/ 1355535 h 6168898"/>
              <a:gd name="connsiteX61" fmla="*/ 3425317 w 8550656"/>
              <a:gd name="connsiteY61" fmla="*/ 1355471 h 6168898"/>
              <a:gd name="connsiteX62" fmla="*/ 3425127 w 8550656"/>
              <a:gd name="connsiteY62" fmla="*/ 1355471 h 6168898"/>
              <a:gd name="connsiteX63" fmla="*/ 3916426 w 8550656"/>
              <a:gd name="connsiteY63" fmla="*/ 864045 h 6168898"/>
              <a:gd name="connsiteX64" fmla="*/ 6108192 w 8550656"/>
              <a:gd name="connsiteY64" fmla="*/ 819531 h 6168898"/>
              <a:gd name="connsiteX65" fmla="*/ 7364730 w 8550656"/>
              <a:gd name="connsiteY65" fmla="*/ 1359916 h 6168898"/>
              <a:gd name="connsiteX66" fmla="*/ 7730426 w 8550656"/>
              <a:gd name="connsiteY66" fmla="*/ 1274001 h 6168898"/>
              <a:gd name="connsiteX67" fmla="*/ 8550465 w 8550656"/>
              <a:gd name="connsiteY67" fmla="*/ 2094040 h 6168898"/>
              <a:gd name="connsiteX68" fmla="*/ 8550656 w 8550656"/>
              <a:gd name="connsiteY68" fmla="*/ 2093976 h 6168898"/>
              <a:gd name="connsiteX69" fmla="*/ 7802436 w 8550656"/>
              <a:gd name="connsiteY69" fmla="*/ 2910840 h 6168898"/>
              <a:gd name="connsiteX70" fmla="*/ 6108192 w 8550656"/>
              <a:gd name="connsiteY70" fmla="*/ 4282948 h 6168898"/>
              <a:gd name="connsiteX71" fmla="*/ 4376420 w 8550656"/>
              <a:gd name="connsiteY71" fmla="*/ 2551240 h 6168898"/>
              <a:gd name="connsiteX72" fmla="*/ 6108192 w 8550656"/>
              <a:gd name="connsiteY72" fmla="*/ 819531 h 6168898"/>
              <a:gd name="connsiteX73" fmla="*/ 7636510 w 8550656"/>
              <a:gd name="connsiteY73" fmla="*/ 0 h 6168898"/>
              <a:gd name="connsiteX74" fmla="*/ 8127937 w 8550656"/>
              <a:gd name="connsiteY74" fmla="*/ 491427 h 6168898"/>
              <a:gd name="connsiteX75" fmla="*/ 8127936 w 8550656"/>
              <a:gd name="connsiteY75" fmla="*/ 491427 h 6168898"/>
              <a:gd name="connsiteX76" fmla="*/ 7636573 w 8550656"/>
              <a:gd name="connsiteY76" fmla="*/ 982790 h 6168898"/>
              <a:gd name="connsiteX77" fmla="*/ 7636510 w 8550656"/>
              <a:gd name="connsiteY77" fmla="*/ 982790 h 6168898"/>
              <a:gd name="connsiteX78" fmla="*/ 7145084 w 8550656"/>
              <a:gd name="connsiteY78" fmla="*/ 491490 h 6168898"/>
              <a:gd name="connsiteX79" fmla="*/ 7145084 w 8550656"/>
              <a:gd name="connsiteY79" fmla="*/ 491427 h 6168898"/>
              <a:gd name="connsiteX80" fmla="*/ 7145084 w 8550656"/>
              <a:gd name="connsiteY80" fmla="*/ 491109 h 6168898"/>
              <a:gd name="connsiteX81" fmla="*/ 7636510 w 8550656"/>
              <a:gd name="connsiteY81" fmla="*/ 0 h 61688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8550656" h="6168898">
                <a:moveTo>
                  <a:pt x="4083177" y="4782693"/>
                </a:moveTo>
                <a:cubicBezTo>
                  <a:pt x="4450221" y="4782693"/>
                  <a:pt x="4747768" y="5080241"/>
                  <a:pt x="4747768" y="5447284"/>
                </a:cubicBezTo>
                <a:cubicBezTo>
                  <a:pt x="4747768" y="5447305"/>
                  <a:pt x="4747768" y="5447326"/>
                  <a:pt x="4747768" y="5447348"/>
                </a:cubicBezTo>
                <a:lnTo>
                  <a:pt x="4747895" y="5447284"/>
                </a:lnTo>
                <a:cubicBezTo>
                  <a:pt x="4747895" y="5814328"/>
                  <a:pt x="4450348" y="6111875"/>
                  <a:pt x="4083305" y="6111875"/>
                </a:cubicBezTo>
                <a:lnTo>
                  <a:pt x="4083304" y="6111875"/>
                </a:lnTo>
                <a:cubicBezTo>
                  <a:pt x="3716261" y="6111980"/>
                  <a:pt x="3418628" y="5814518"/>
                  <a:pt x="3418523" y="5447475"/>
                </a:cubicBezTo>
                <a:cubicBezTo>
                  <a:pt x="3418523" y="5447432"/>
                  <a:pt x="3418523" y="5447390"/>
                  <a:pt x="3418523" y="5447348"/>
                </a:cubicBezTo>
                <a:cubicBezTo>
                  <a:pt x="3418523" y="5080269"/>
                  <a:pt x="3716099" y="4782693"/>
                  <a:pt x="4083177" y="4782693"/>
                </a:cubicBezTo>
                <a:close/>
                <a:moveTo>
                  <a:pt x="3255645" y="4541076"/>
                </a:moveTo>
                <a:lnTo>
                  <a:pt x="3255645" y="4541139"/>
                </a:lnTo>
                <a:lnTo>
                  <a:pt x="3255643" y="4541113"/>
                </a:lnTo>
                <a:close/>
                <a:moveTo>
                  <a:pt x="4390390" y="4371657"/>
                </a:moveTo>
                <a:lnTo>
                  <a:pt x="4390390" y="4371658"/>
                </a:lnTo>
                <a:lnTo>
                  <a:pt x="4390390" y="4371658"/>
                </a:lnTo>
                <a:close/>
                <a:moveTo>
                  <a:pt x="4703318" y="4058793"/>
                </a:moveTo>
                <a:cubicBezTo>
                  <a:pt x="4876109" y="4058793"/>
                  <a:pt x="5016183" y="4198868"/>
                  <a:pt x="5016183" y="4371658"/>
                </a:cubicBezTo>
                <a:cubicBezTo>
                  <a:pt x="5016218" y="4544448"/>
                  <a:pt x="4876172" y="4684551"/>
                  <a:pt x="4703382" y="4684586"/>
                </a:cubicBezTo>
                <a:cubicBezTo>
                  <a:pt x="4703361" y="4684586"/>
                  <a:pt x="4703339" y="4684586"/>
                  <a:pt x="4703318" y="4684586"/>
                </a:cubicBezTo>
                <a:cubicBezTo>
                  <a:pt x="4573699" y="4684586"/>
                  <a:pt x="4462487" y="4605778"/>
                  <a:pt x="4414982" y="4493463"/>
                </a:cubicBezTo>
                <a:lnTo>
                  <a:pt x="4390390" y="4371658"/>
                </a:lnTo>
                <a:lnTo>
                  <a:pt x="4415000" y="4249873"/>
                </a:lnTo>
                <a:cubicBezTo>
                  <a:pt x="4462516" y="4137579"/>
                  <a:pt x="4573718" y="4058793"/>
                  <a:pt x="4703318" y="4058793"/>
                </a:cubicBezTo>
                <a:close/>
                <a:moveTo>
                  <a:pt x="4036378" y="3005772"/>
                </a:moveTo>
                <a:lnTo>
                  <a:pt x="4036378" y="3005773"/>
                </a:lnTo>
                <a:lnTo>
                  <a:pt x="4036378" y="3005773"/>
                </a:lnTo>
                <a:close/>
                <a:moveTo>
                  <a:pt x="2916428" y="1885252"/>
                </a:moveTo>
                <a:cubicBezTo>
                  <a:pt x="3457736" y="1885497"/>
                  <a:pt x="3909244" y="2269568"/>
                  <a:pt x="4013639" y="2780021"/>
                </a:cubicBezTo>
                <a:lnTo>
                  <a:pt x="4036378" y="3005773"/>
                </a:lnTo>
                <a:lnTo>
                  <a:pt x="4020484" y="3194311"/>
                </a:lnTo>
                <a:cubicBezTo>
                  <a:pt x="3947224" y="3624780"/>
                  <a:pt x="3627063" y="3980928"/>
                  <a:pt x="3192780" y="4091813"/>
                </a:cubicBezTo>
                <a:cubicBezTo>
                  <a:pt x="3213689" y="4164868"/>
                  <a:pt x="3229433" y="4239206"/>
                  <a:pt x="3239936" y="4314277"/>
                </a:cubicBezTo>
                <a:lnTo>
                  <a:pt x="3255643" y="4541113"/>
                </a:lnTo>
                <a:lnTo>
                  <a:pt x="3247241" y="4707513"/>
                </a:lnTo>
                <a:cubicBezTo>
                  <a:pt x="3163882" y="5528361"/>
                  <a:pt x="2470667" y="6168898"/>
                  <a:pt x="1627823" y="6168898"/>
                </a:cubicBezTo>
                <a:cubicBezTo>
                  <a:pt x="728790" y="6168898"/>
                  <a:pt x="0" y="5440109"/>
                  <a:pt x="0" y="4541076"/>
                </a:cubicBezTo>
                <a:cubicBezTo>
                  <a:pt x="0" y="3642106"/>
                  <a:pt x="728790" y="2913317"/>
                  <a:pt x="1627823" y="2913317"/>
                </a:cubicBezTo>
                <a:cubicBezTo>
                  <a:pt x="1684940" y="2913324"/>
                  <a:pt x="1742018" y="2916291"/>
                  <a:pt x="1798828" y="2922207"/>
                </a:cubicBezTo>
                <a:cubicBezTo>
                  <a:pt x="1842539" y="2337320"/>
                  <a:pt x="2329911" y="1885116"/>
                  <a:pt x="2916428" y="1885252"/>
                </a:cubicBezTo>
                <a:close/>
                <a:moveTo>
                  <a:pt x="1485456" y="1659064"/>
                </a:moveTo>
                <a:lnTo>
                  <a:pt x="1485463" y="1659096"/>
                </a:lnTo>
                <a:lnTo>
                  <a:pt x="1485456" y="1659128"/>
                </a:lnTo>
                <a:close/>
                <a:moveTo>
                  <a:pt x="1737741" y="1406842"/>
                </a:moveTo>
                <a:cubicBezTo>
                  <a:pt x="1877074" y="1406842"/>
                  <a:pt x="1990026" y="1519795"/>
                  <a:pt x="1990026" y="1659128"/>
                </a:cubicBezTo>
                <a:lnTo>
                  <a:pt x="1990027" y="1659128"/>
                </a:lnTo>
                <a:cubicBezTo>
                  <a:pt x="1989992" y="1798437"/>
                  <a:pt x="1877050" y="1911350"/>
                  <a:pt x="1737741" y="1911350"/>
                </a:cubicBezTo>
                <a:cubicBezTo>
                  <a:pt x="1633241" y="1911350"/>
                  <a:pt x="1543581" y="1847815"/>
                  <a:pt x="1505282" y="1757266"/>
                </a:cubicBezTo>
                <a:lnTo>
                  <a:pt x="1485463" y="1659096"/>
                </a:lnTo>
                <a:lnTo>
                  <a:pt x="1505282" y="1560928"/>
                </a:lnTo>
                <a:cubicBezTo>
                  <a:pt x="1543581" y="1470378"/>
                  <a:pt x="1633241" y="1406842"/>
                  <a:pt x="1737741" y="1406842"/>
                </a:cubicBezTo>
                <a:close/>
                <a:moveTo>
                  <a:pt x="810260" y="1304417"/>
                </a:moveTo>
                <a:cubicBezTo>
                  <a:pt x="1163451" y="1304417"/>
                  <a:pt x="1449769" y="1590735"/>
                  <a:pt x="1449769" y="1943926"/>
                </a:cubicBezTo>
                <a:cubicBezTo>
                  <a:pt x="1449769" y="2297117"/>
                  <a:pt x="1163451" y="2583434"/>
                  <a:pt x="810260" y="2583434"/>
                </a:cubicBezTo>
                <a:cubicBezTo>
                  <a:pt x="457069" y="2583434"/>
                  <a:pt x="170752" y="2297116"/>
                  <a:pt x="170752" y="1943926"/>
                </a:cubicBezTo>
                <a:lnTo>
                  <a:pt x="171006" y="1943926"/>
                </a:lnTo>
                <a:cubicBezTo>
                  <a:pt x="171006" y="1590834"/>
                  <a:pt x="457169" y="1304557"/>
                  <a:pt x="810260" y="1304417"/>
                </a:cubicBezTo>
                <a:close/>
                <a:moveTo>
                  <a:pt x="3916426" y="864045"/>
                </a:moveTo>
                <a:cubicBezTo>
                  <a:pt x="3916511" y="864045"/>
                  <a:pt x="3916596" y="864045"/>
                  <a:pt x="3916680" y="864045"/>
                </a:cubicBezTo>
                <a:cubicBezTo>
                  <a:pt x="4188088" y="864045"/>
                  <a:pt x="4408107" y="1084064"/>
                  <a:pt x="4408107" y="1355471"/>
                </a:cubicBezTo>
                <a:cubicBezTo>
                  <a:pt x="4408107" y="1626878"/>
                  <a:pt x="4188088" y="1846898"/>
                  <a:pt x="3916680" y="1846898"/>
                </a:cubicBezTo>
                <a:cubicBezTo>
                  <a:pt x="3645308" y="1846898"/>
                  <a:pt x="3425317" y="1626907"/>
                  <a:pt x="3425317" y="1355535"/>
                </a:cubicBezTo>
                <a:cubicBezTo>
                  <a:pt x="3425317" y="1355513"/>
                  <a:pt x="3425317" y="1355492"/>
                  <a:pt x="3425317" y="1355471"/>
                </a:cubicBezTo>
                <a:lnTo>
                  <a:pt x="3425127" y="1355471"/>
                </a:lnTo>
                <a:cubicBezTo>
                  <a:pt x="3425092" y="1084099"/>
                  <a:pt x="3645054" y="864080"/>
                  <a:pt x="3916426" y="864045"/>
                </a:cubicBezTo>
                <a:close/>
                <a:moveTo>
                  <a:pt x="6108192" y="819531"/>
                </a:moveTo>
                <a:cubicBezTo>
                  <a:pt x="6583554" y="819071"/>
                  <a:pt x="7038093" y="1014549"/>
                  <a:pt x="7364730" y="1359916"/>
                </a:cubicBezTo>
                <a:cubicBezTo>
                  <a:pt x="7478299" y="1303257"/>
                  <a:pt x="7603508" y="1273841"/>
                  <a:pt x="7730426" y="1274001"/>
                </a:cubicBezTo>
                <a:cubicBezTo>
                  <a:pt x="8183321" y="1274001"/>
                  <a:pt x="8550465" y="1641145"/>
                  <a:pt x="8550465" y="2094040"/>
                </a:cubicBezTo>
                <a:lnTo>
                  <a:pt x="8550656" y="2093976"/>
                </a:lnTo>
                <a:cubicBezTo>
                  <a:pt x="8550644" y="2519027"/>
                  <a:pt x="8225853" y="2873614"/>
                  <a:pt x="7802436" y="2910840"/>
                </a:cubicBezTo>
                <a:cubicBezTo>
                  <a:pt x="7636891" y="3694684"/>
                  <a:pt x="6941249" y="4282948"/>
                  <a:pt x="6108192" y="4282948"/>
                </a:cubicBezTo>
                <a:cubicBezTo>
                  <a:pt x="5151755" y="4282948"/>
                  <a:pt x="4376420" y="3507677"/>
                  <a:pt x="4376420" y="2551240"/>
                </a:cubicBezTo>
                <a:cubicBezTo>
                  <a:pt x="4376420" y="1594803"/>
                  <a:pt x="5151755" y="819531"/>
                  <a:pt x="6108192" y="819531"/>
                </a:cubicBezTo>
                <a:close/>
                <a:moveTo>
                  <a:pt x="7636510" y="0"/>
                </a:moveTo>
                <a:cubicBezTo>
                  <a:pt x="7907918" y="0"/>
                  <a:pt x="8127937" y="220019"/>
                  <a:pt x="8127937" y="491427"/>
                </a:cubicBezTo>
                <a:lnTo>
                  <a:pt x="8127936" y="491427"/>
                </a:lnTo>
                <a:cubicBezTo>
                  <a:pt x="8127936" y="762799"/>
                  <a:pt x="7907946" y="982790"/>
                  <a:pt x="7636573" y="982790"/>
                </a:cubicBezTo>
                <a:cubicBezTo>
                  <a:pt x="7636552" y="982790"/>
                  <a:pt x="7636530" y="982790"/>
                  <a:pt x="7636510" y="982790"/>
                </a:cubicBezTo>
                <a:cubicBezTo>
                  <a:pt x="7365138" y="982825"/>
                  <a:pt x="7145119" y="762862"/>
                  <a:pt x="7145084" y="491490"/>
                </a:cubicBezTo>
                <a:cubicBezTo>
                  <a:pt x="7145084" y="491469"/>
                  <a:pt x="7145084" y="491448"/>
                  <a:pt x="7145084" y="491427"/>
                </a:cubicBezTo>
                <a:lnTo>
                  <a:pt x="7145084" y="491109"/>
                </a:lnTo>
                <a:cubicBezTo>
                  <a:pt x="7145259" y="219826"/>
                  <a:pt x="7365227" y="0"/>
                  <a:pt x="7636510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42317872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AFC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9" name="Tijdelijke aanduiding voor afbeelding 8">
            <a:extLst>
              <a:ext uri="{FF2B5EF4-FFF2-40B4-BE49-F238E27FC236}">
                <a16:creationId xmlns:a16="http://schemas.microsoft.com/office/drawing/2014/main" id="{8142F4F8-2620-2F49-BED5-7DFFBA2FE89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082877" y="1571043"/>
            <a:ext cx="6547523" cy="4723732"/>
          </a:xfrm>
          <a:custGeom>
            <a:avLst/>
            <a:gdLst>
              <a:gd name="connsiteX0" fmla="*/ 4083177 w 8550656"/>
              <a:gd name="connsiteY0" fmla="*/ 4782693 h 6168898"/>
              <a:gd name="connsiteX1" fmla="*/ 4747768 w 8550656"/>
              <a:gd name="connsiteY1" fmla="*/ 5447284 h 6168898"/>
              <a:gd name="connsiteX2" fmla="*/ 4747768 w 8550656"/>
              <a:gd name="connsiteY2" fmla="*/ 5447348 h 6168898"/>
              <a:gd name="connsiteX3" fmla="*/ 4747895 w 8550656"/>
              <a:gd name="connsiteY3" fmla="*/ 5447284 h 6168898"/>
              <a:gd name="connsiteX4" fmla="*/ 4083305 w 8550656"/>
              <a:gd name="connsiteY4" fmla="*/ 6111875 h 6168898"/>
              <a:gd name="connsiteX5" fmla="*/ 4083304 w 8550656"/>
              <a:gd name="connsiteY5" fmla="*/ 6111875 h 6168898"/>
              <a:gd name="connsiteX6" fmla="*/ 3418523 w 8550656"/>
              <a:gd name="connsiteY6" fmla="*/ 5447475 h 6168898"/>
              <a:gd name="connsiteX7" fmla="*/ 3418523 w 8550656"/>
              <a:gd name="connsiteY7" fmla="*/ 5447348 h 6168898"/>
              <a:gd name="connsiteX8" fmla="*/ 4083177 w 8550656"/>
              <a:gd name="connsiteY8" fmla="*/ 4782693 h 6168898"/>
              <a:gd name="connsiteX9" fmla="*/ 3255645 w 8550656"/>
              <a:gd name="connsiteY9" fmla="*/ 4541076 h 6168898"/>
              <a:gd name="connsiteX10" fmla="*/ 3255645 w 8550656"/>
              <a:gd name="connsiteY10" fmla="*/ 4541139 h 6168898"/>
              <a:gd name="connsiteX11" fmla="*/ 3255643 w 8550656"/>
              <a:gd name="connsiteY11" fmla="*/ 4541113 h 6168898"/>
              <a:gd name="connsiteX12" fmla="*/ 4390390 w 8550656"/>
              <a:gd name="connsiteY12" fmla="*/ 4371657 h 6168898"/>
              <a:gd name="connsiteX13" fmla="*/ 4390390 w 8550656"/>
              <a:gd name="connsiteY13" fmla="*/ 4371658 h 6168898"/>
              <a:gd name="connsiteX14" fmla="*/ 4390390 w 8550656"/>
              <a:gd name="connsiteY14" fmla="*/ 4371658 h 6168898"/>
              <a:gd name="connsiteX15" fmla="*/ 4703318 w 8550656"/>
              <a:gd name="connsiteY15" fmla="*/ 4058793 h 6168898"/>
              <a:gd name="connsiteX16" fmla="*/ 5016183 w 8550656"/>
              <a:gd name="connsiteY16" fmla="*/ 4371658 h 6168898"/>
              <a:gd name="connsiteX17" fmla="*/ 4703382 w 8550656"/>
              <a:gd name="connsiteY17" fmla="*/ 4684586 h 6168898"/>
              <a:gd name="connsiteX18" fmla="*/ 4703318 w 8550656"/>
              <a:gd name="connsiteY18" fmla="*/ 4684586 h 6168898"/>
              <a:gd name="connsiteX19" fmla="*/ 4414982 w 8550656"/>
              <a:gd name="connsiteY19" fmla="*/ 4493463 h 6168898"/>
              <a:gd name="connsiteX20" fmla="*/ 4390390 w 8550656"/>
              <a:gd name="connsiteY20" fmla="*/ 4371658 h 6168898"/>
              <a:gd name="connsiteX21" fmla="*/ 4415000 w 8550656"/>
              <a:gd name="connsiteY21" fmla="*/ 4249873 h 6168898"/>
              <a:gd name="connsiteX22" fmla="*/ 4703318 w 8550656"/>
              <a:gd name="connsiteY22" fmla="*/ 4058793 h 6168898"/>
              <a:gd name="connsiteX23" fmla="*/ 4036378 w 8550656"/>
              <a:gd name="connsiteY23" fmla="*/ 3005772 h 6168898"/>
              <a:gd name="connsiteX24" fmla="*/ 4036378 w 8550656"/>
              <a:gd name="connsiteY24" fmla="*/ 3005773 h 6168898"/>
              <a:gd name="connsiteX25" fmla="*/ 4036378 w 8550656"/>
              <a:gd name="connsiteY25" fmla="*/ 3005773 h 6168898"/>
              <a:gd name="connsiteX26" fmla="*/ 2916428 w 8550656"/>
              <a:gd name="connsiteY26" fmla="*/ 1885252 h 6168898"/>
              <a:gd name="connsiteX27" fmla="*/ 4013639 w 8550656"/>
              <a:gd name="connsiteY27" fmla="*/ 2780021 h 6168898"/>
              <a:gd name="connsiteX28" fmla="*/ 4036378 w 8550656"/>
              <a:gd name="connsiteY28" fmla="*/ 3005773 h 6168898"/>
              <a:gd name="connsiteX29" fmla="*/ 4020484 w 8550656"/>
              <a:gd name="connsiteY29" fmla="*/ 3194311 h 6168898"/>
              <a:gd name="connsiteX30" fmla="*/ 3192780 w 8550656"/>
              <a:gd name="connsiteY30" fmla="*/ 4091813 h 6168898"/>
              <a:gd name="connsiteX31" fmla="*/ 3239936 w 8550656"/>
              <a:gd name="connsiteY31" fmla="*/ 4314277 h 6168898"/>
              <a:gd name="connsiteX32" fmla="*/ 3255643 w 8550656"/>
              <a:gd name="connsiteY32" fmla="*/ 4541113 h 6168898"/>
              <a:gd name="connsiteX33" fmla="*/ 3247241 w 8550656"/>
              <a:gd name="connsiteY33" fmla="*/ 4707513 h 6168898"/>
              <a:gd name="connsiteX34" fmla="*/ 1627823 w 8550656"/>
              <a:gd name="connsiteY34" fmla="*/ 6168898 h 6168898"/>
              <a:gd name="connsiteX35" fmla="*/ 0 w 8550656"/>
              <a:gd name="connsiteY35" fmla="*/ 4541076 h 6168898"/>
              <a:gd name="connsiteX36" fmla="*/ 1627823 w 8550656"/>
              <a:gd name="connsiteY36" fmla="*/ 2913317 h 6168898"/>
              <a:gd name="connsiteX37" fmla="*/ 1798828 w 8550656"/>
              <a:gd name="connsiteY37" fmla="*/ 2922207 h 6168898"/>
              <a:gd name="connsiteX38" fmla="*/ 2916428 w 8550656"/>
              <a:gd name="connsiteY38" fmla="*/ 1885252 h 6168898"/>
              <a:gd name="connsiteX39" fmla="*/ 1485456 w 8550656"/>
              <a:gd name="connsiteY39" fmla="*/ 1659064 h 6168898"/>
              <a:gd name="connsiteX40" fmla="*/ 1485463 w 8550656"/>
              <a:gd name="connsiteY40" fmla="*/ 1659096 h 6168898"/>
              <a:gd name="connsiteX41" fmla="*/ 1485456 w 8550656"/>
              <a:gd name="connsiteY41" fmla="*/ 1659128 h 6168898"/>
              <a:gd name="connsiteX42" fmla="*/ 1737741 w 8550656"/>
              <a:gd name="connsiteY42" fmla="*/ 1406842 h 6168898"/>
              <a:gd name="connsiteX43" fmla="*/ 1990026 w 8550656"/>
              <a:gd name="connsiteY43" fmla="*/ 1659128 h 6168898"/>
              <a:gd name="connsiteX44" fmla="*/ 1990027 w 8550656"/>
              <a:gd name="connsiteY44" fmla="*/ 1659128 h 6168898"/>
              <a:gd name="connsiteX45" fmla="*/ 1737741 w 8550656"/>
              <a:gd name="connsiteY45" fmla="*/ 1911350 h 6168898"/>
              <a:gd name="connsiteX46" fmla="*/ 1505282 w 8550656"/>
              <a:gd name="connsiteY46" fmla="*/ 1757266 h 6168898"/>
              <a:gd name="connsiteX47" fmla="*/ 1485463 w 8550656"/>
              <a:gd name="connsiteY47" fmla="*/ 1659096 h 6168898"/>
              <a:gd name="connsiteX48" fmla="*/ 1505282 w 8550656"/>
              <a:gd name="connsiteY48" fmla="*/ 1560928 h 6168898"/>
              <a:gd name="connsiteX49" fmla="*/ 1737741 w 8550656"/>
              <a:gd name="connsiteY49" fmla="*/ 1406842 h 6168898"/>
              <a:gd name="connsiteX50" fmla="*/ 810260 w 8550656"/>
              <a:gd name="connsiteY50" fmla="*/ 1304417 h 6168898"/>
              <a:gd name="connsiteX51" fmla="*/ 1449769 w 8550656"/>
              <a:gd name="connsiteY51" fmla="*/ 1943926 h 6168898"/>
              <a:gd name="connsiteX52" fmla="*/ 810260 w 8550656"/>
              <a:gd name="connsiteY52" fmla="*/ 2583434 h 6168898"/>
              <a:gd name="connsiteX53" fmla="*/ 170752 w 8550656"/>
              <a:gd name="connsiteY53" fmla="*/ 1943926 h 6168898"/>
              <a:gd name="connsiteX54" fmla="*/ 171006 w 8550656"/>
              <a:gd name="connsiteY54" fmla="*/ 1943926 h 6168898"/>
              <a:gd name="connsiteX55" fmla="*/ 810260 w 8550656"/>
              <a:gd name="connsiteY55" fmla="*/ 1304417 h 6168898"/>
              <a:gd name="connsiteX56" fmla="*/ 3916426 w 8550656"/>
              <a:gd name="connsiteY56" fmla="*/ 864045 h 6168898"/>
              <a:gd name="connsiteX57" fmla="*/ 3916680 w 8550656"/>
              <a:gd name="connsiteY57" fmla="*/ 864045 h 6168898"/>
              <a:gd name="connsiteX58" fmla="*/ 4408107 w 8550656"/>
              <a:gd name="connsiteY58" fmla="*/ 1355471 h 6168898"/>
              <a:gd name="connsiteX59" fmla="*/ 3916680 w 8550656"/>
              <a:gd name="connsiteY59" fmla="*/ 1846898 h 6168898"/>
              <a:gd name="connsiteX60" fmla="*/ 3425317 w 8550656"/>
              <a:gd name="connsiteY60" fmla="*/ 1355535 h 6168898"/>
              <a:gd name="connsiteX61" fmla="*/ 3425317 w 8550656"/>
              <a:gd name="connsiteY61" fmla="*/ 1355471 h 6168898"/>
              <a:gd name="connsiteX62" fmla="*/ 3425127 w 8550656"/>
              <a:gd name="connsiteY62" fmla="*/ 1355471 h 6168898"/>
              <a:gd name="connsiteX63" fmla="*/ 3916426 w 8550656"/>
              <a:gd name="connsiteY63" fmla="*/ 864045 h 6168898"/>
              <a:gd name="connsiteX64" fmla="*/ 6108192 w 8550656"/>
              <a:gd name="connsiteY64" fmla="*/ 819531 h 6168898"/>
              <a:gd name="connsiteX65" fmla="*/ 7364730 w 8550656"/>
              <a:gd name="connsiteY65" fmla="*/ 1359916 h 6168898"/>
              <a:gd name="connsiteX66" fmla="*/ 7730426 w 8550656"/>
              <a:gd name="connsiteY66" fmla="*/ 1274001 h 6168898"/>
              <a:gd name="connsiteX67" fmla="*/ 8550465 w 8550656"/>
              <a:gd name="connsiteY67" fmla="*/ 2094040 h 6168898"/>
              <a:gd name="connsiteX68" fmla="*/ 8550656 w 8550656"/>
              <a:gd name="connsiteY68" fmla="*/ 2093976 h 6168898"/>
              <a:gd name="connsiteX69" fmla="*/ 7802436 w 8550656"/>
              <a:gd name="connsiteY69" fmla="*/ 2910840 h 6168898"/>
              <a:gd name="connsiteX70" fmla="*/ 6108192 w 8550656"/>
              <a:gd name="connsiteY70" fmla="*/ 4282948 h 6168898"/>
              <a:gd name="connsiteX71" fmla="*/ 4376420 w 8550656"/>
              <a:gd name="connsiteY71" fmla="*/ 2551240 h 6168898"/>
              <a:gd name="connsiteX72" fmla="*/ 6108192 w 8550656"/>
              <a:gd name="connsiteY72" fmla="*/ 819531 h 6168898"/>
              <a:gd name="connsiteX73" fmla="*/ 7636510 w 8550656"/>
              <a:gd name="connsiteY73" fmla="*/ 0 h 6168898"/>
              <a:gd name="connsiteX74" fmla="*/ 8127937 w 8550656"/>
              <a:gd name="connsiteY74" fmla="*/ 491427 h 6168898"/>
              <a:gd name="connsiteX75" fmla="*/ 8127936 w 8550656"/>
              <a:gd name="connsiteY75" fmla="*/ 491427 h 6168898"/>
              <a:gd name="connsiteX76" fmla="*/ 7636573 w 8550656"/>
              <a:gd name="connsiteY76" fmla="*/ 982790 h 6168898"/>
              <a:gd name="connsiteX77" fmla="*/ 7636510 w 8550656"/>
              <a:gd name="connsiteY77" fmla="*/ 982790 h 6168898"/>
              <a:gd name="connsiteX78" fmla="*/ 7145084 w 8550656"/>
              <a:gd name="connsiteY78" fmla="*/ 491490 h 6168898"/>
              <a:gd name="connsiteX79" fmla="*/ 7145084 w 8550656"/>
              <a:gd name="connsiteY79" fmla="*/ 491427 h 6168898"/>
              <a:gd name="connsiteX80" fmla="*/ 7145084 w 8550656"/>
              <a:gd name="connsiteY80" fmla="*/ 491109 h 6168898"/>
              <a:gd name="connsiteX81" fmla="*/ 7636510 w 8550656"/>
              <a:gd name="connsiteY81" fmla="*/ 0 h 61688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8550656" h="6168898">
                <a:moveTo>
                  <a:pt x="4083177" y="4782693"/>
                </a:moveTo>
                <a:cubicBezTo>
                  <a:pt x="4450221" y="4782693"/>
                  <a:pt x="4747768" y="5080241"/>
                  <a:pt x="4747768" y="5447284"/>
                </a:cubicBezTo>
                <a:cubicBezTo>
                  <a:pt x="4747768" y="5447305"/>
                  <a:pt x="4747768" y="5447326"/>
                  <a:pt x="4747768" y="5447348"/>
                </a:cubicBezTo>
                <a:lnTo>
                  <a:pt x="4747895" y="5447284"/>
                </a:lnTo>
                <a:cubicBezTo>
                  <a:pt x="4747895" y="5814328"/>
                  <a:pt x="4450348" y="6111875"/>
                  <a:pt x="4083305" y="6111875"/>
                </a:cubicBezTo>
                <a:lnTo>
                  <a:pt x="4083304" y="6111875"/>
                </a:lnTo>
                <a:cubicBezTo>
                  <a:pt x="3716261" y="6111980"/>
                  <a:pt x="3418628" y="5814518"/>
                  <a:pt x="3418523" y="5447475"/>
                </a:cubicBezTo>
                <a:cubicBezTo>
                  <a:pt x="3418523" y="5447432"/>
                  <a:pt x="3418523" y="5447390"/>
                  <a:pt x="3418523" y="5447348"/>
                </a:cubicBezTo>
                <a:cubicBezTo>
                  <a:pt x="3418523" y="5080269"/>
                  <a:pt x="3716099" y="4782693"/>
                  <a:pt x="4083177" y="4782693"/>
                </a:cubicBezTo>
                <a:close/>
                <a:moveTo>
                  <a:pt x="3255645" y="4541076"/>
                </a:moveTo>
                <a:lnTo>
                  <a:pt x="3255645" y="4541139"/>
                </a:lnTo>
                <a:lnTo>
                  <a:pt x="3255643" y="4541113"/>
                </a:lnTo>
                <a:close/>
                <a:moveTo>
                  <a:pt x="4390390" y="4371657"/>
                </a:moveTo>
                <a:lnTo>
                  <a:pt x="4390390" y="4371658"/>
                </a:lnTo>
                <a:lnTo>
                  <a:pt x="4390390" y="4371658"/>
                </a:lnTo>
                <a:close/>
                <a:moveTo>
                  <a:pt x="4703318" y="4058793"/>
                </a:moveTo>
                <a:cubicBezTo>
                  <a:pt x="4876109" y="4058793"/>
                  <a:pt x="5016183" y="4198868"/>
                  <a:pt x="5016183" y="4371658"/>
                </a:cubicBezTo>
                <a:cubicBezTo>
                  <a:pt x="5016218" y="4544448"/>
                  <a:pt x="4876172" y="4684551"/>
                  <a:pt x="4703382" y="4684586"/>
                </a:cubicBezTo>
                <a:cubicBezTo>
                  <a:pt x="4703361" y="4684586"/>
                  <a:pt x="4703339" y="4684586"/>
                  <a:pt x="4703318" y="4684586"/>
                </a:cubicBezTo>
                <a:cubicBezTo>
                  <a:pt x="4573699" y="4684586"/>
                  <a:pt x="4462487" y="4605778"/>
                  <a:pt x="4414982" y="4493463"/>
                </a:cubicBezTo>
                <a:lnTo>
                  <a:pt x="4390390" y="4371658"/>
                </a:lnTo>
                <a:lnTo>
                  <a:pt x="4415000" y="4249873"/>
                </a:lnTo>
                <a:cubicBezTo>
                  <a:pt x="4462516" y="4137579"/>
                  <a:pt x="4573718" y="4058793"/>
                  <a:pt x="4703318" y="4058793"/>
                </a:cubicBezTo>
                <a:close/>
                <a:moveTo>
                  <a:pt x="4036378" y="3005772"/>
                </a:moveTo>
                <a:lnTo>
                  <a:pt x="4036378" y="3005773"/>
                </a:lnTo>
                <a:lnTo>
                  <a:pt x="4036378" y="3005773"/>
                </a:lnTo>
                <a:close/>
                <a:moveTo>
                  <a:pt x="2916428" y="1885252"/>
                </a:moveTo>
                <a:cubicBezTo>
                  <a:pt x="3457736" y="1885497"/>
                  <a:pt x="3909244" y="2269568"/>
                  <a:pt x="4013639" y="2780021"/>
                </a:cubicBezTo>
                <a:lnTo>
                  <a:pt x="4036378" y="3005773"/>
                </a:lnTo>
                <a:lnTo>
                  <a:pt x="4020484" y="3194311"/>
                </a:lnTo>
                <a:cubicBezTo>
                  <a:pt x="3947224" y="3624780"/>
                  <a:pt x="3627063" y="3980928"/>
                  <a:pt x="3192780" y="4091813"/>
                </a:cubicBezTo>
                <a:cubicBezTo>
                  <a:pt x="3213689" y="4164868"/>
                  <a:pt x="3229433" y="4239206"/>
                  <a:pt x="3239936" y="4314277"/>
                </a:cubicBezTo>
                <a:lnTo>
                  <a:pt x="3255643" y="4541113"/>
                </a:lnTo>
                <a:lnTo>
                  <a:pt x="3247241" y="4707513"/>
                </a:lnTo>
                <a:cubicBezTo>
                  <a:pt x="3163882" y="5528361"/>
                  <a:pt x="2470667" y="6168898"/>
                  <a:pt x="1627823" y="6168898"/>
                </a:cubicBezTo>
                <a:cubicBezTo>
                  <a:pt x="728790" y="6168898"/>
                  <a:pt x="0" y="5440109"/>
                  <a:pt x="0" y="4541076"/>
                </a:cubicBezTo>
                <a:cubicBezTo>
                  <a:pt x="0" y="3642106"/>
                  <a:pt x="728790" y="2913317"/>
                  <a:pt x="1627823" y="2913317"/>
                </a:cubicBezTo>
                <a:cubicBezTo>
                  <a:pt x="1684940" y="2913324"/>
                  <a:pt x="1742018" y="2916291"/>
                  <a:pt x="1798828" y="2922207"/>
                </a:cubicBezTo>
                <a:cubicBezTo>
                  <a:pt x="1842539" y="2337320"/>
                  <a:pt x="2329911" y="1885116"/>
                  <a:pt x="2916428" y="1885252"/>
                </a:cubicBezTo>
                <a:close/>
                <a:moveTo>
                  <a:pt x="1485456" y="1659064"/>
                </a:moveTo>
                <a:lnTo>
                  <a:pt x="1485463" y="1659096"/>
                </a:lnTo>
                <a:lnTo>
                  <a:pt x="1485456" y="1659128"/>
                </a:lnTo>
                <a:close/>
                <a:moveTo>
                  <a:pt x="1737741" y="1406842"/>
                </a:moveTo>
                <a:cubicBezTo>
                  <a:pt x="1877074" y="1406842"/>
                  <a:pt x="1990026" y="1519795"/>
                  <a:pt x="1990026" y="1659128"/>
                </a:cubicBezTo>
                <a:lnTo>
                  <a:pt x="1990027" y="1659128"/>
                </a:lnTo>
                <a:cubicBezTo>
                  <a:pt x="1989992" y="1798437"/>
                  <a:pt x="1877050" y="1911350"/>
                  <a:pt x="1737741" y="1911350"/>
                </a:cubicBezTo>
                <a:cubicBezTo>
                  <a:pt x="1633241" y="1911350"/>
                  <a:pt x="1543581" y="1847815"/>
                  <a:pt x="1505282" y="1757266"/>
                </a:cubicBezTo>
                <a:lnTo>
                  <a:pt x="1485463" y="1659096"/>
                </a:lnTo>
                <a:lnTo>
                  <a:pt x="1505282" y="1560928"/>
                </a:lnTo>
                <a:cubicBezTo>
                  <a:pt x="1543581" y="1470378"/>
                  <a:pt x="1633241" y="1406842"/>
                  <a:pt x="1737741" y="1406842"/>
                </a:cubicBezTo>
                <a:close/>
                <a:moveTo>
                  <a:pt x="810260" y="1304417"/>
                </a:moveTo>
                <a:cubicBezTo>
                  <a:pt x="1163451" y="1304417"/>
                  <a:pt x="1449769" y="1590735"/>
                  <a:pt x="1449769" y="1943926"/>
                </a:cubicBezTo>
                <a:cubicBezTo>
                  <a:pt x="1449769" y="2297117"/>
                  <a:pt x="1163451" y="2583434"/>
                  <a:pt x="810260" y="2583434"/>
                </a:cubicBezTo>
                <a:cubicBezTo>
                  <a:pt x="457069" y="2583434"/>
                  <a:pt x="170752" y="2297116"/>
                  <a:pt x="170752" y="1943926"/>
                </a:cubicBezTo>
                <a:lnTo>
                  <a:pt x="171006" y="1943926"/>
                </a:lnTo>
                <a:cubicBezTo>
                  <a:pt x="171006" y="1590834"/>
                  <a:pt x="457169" y="1304557"/>
                  <a:pt x="810260" y="1304417"/>
                </a:cubicBezTo>
                <a:close/>
                <a:moveTo>
                  <a:pt x="3916426" y="864045"/>
                </a:moveTo>
                <a:cubicBezTo>
                  <a:pt x="3916511" y="864045"/>
                  <a:pt x="3916596" y="864045"/>
                  <a:pt x="3916680" y="864045"/>
                </a:cubicBezTo>
                <a:cubicBezTo>
                  <a:pt x="4188088" y="864045"/>
                  <a:pt x="4408107" y="1084064"/>
                  <a:pt x="4408107" y="1355471"/>
                </a:cubicBezTo>
                <a:cubicBezTo>
                  <a:pt x="4408107" y="1626878"/>
                  <a:pt x="4188088" y="1846898"/>
                  <a:pt x="3916680" y="1846898"/>
                </a:cubicBezTo>
                <a:cubicBezTo>
                  <a:pt x="3645308" y="1846898"/>
                  <a:pt x="3425317" y="1626907"/>
                  <a:pt x="3425317" y="1355535"/>
                </a:cubicBezTo>
                <a:cubicBezTo>
                  <a:pt x="3425317" y="1355513"/>
                  <a:pt x="3425317" y="1355492"/>
                  <a:pt x="3425317" y="1355471"/>
                </a:cubicBezTo>
                <a:lnTo>
                  <a:pt x="3425127" y="1355471"/>
                </a:lnTo>
                <a:cubicBezTo>
                  <a:pt x="3425092" y="1084099"/>
                  <a:pt x="3645054" y="864080"/>
                  <a:pt x="3916426" y="864045"/>
                </a:cubicBezTo>
                <a:close/>
                <a:moveTo>
                  <a:pt x="6108192" y="819531"/>
                </a:moveTo>
                <a:cubicBezTo>
                  <a:pt x="6583554" y="819071"/>
                  <a:pt x="7038093" y="1014549"/>
                  <a:pt x="7364730" y="1359916"/>
                </a:cubicBezTo>
                <a:cubicBezTo>
                  <a:pt x="7478299" y="1303257"/>
                  <a:pt x="7603508" y="1273841"/>
                  <a:pt x="7730426" y="1274001"/>
                </a:cubicBezTo>
                <a:cubicBezTo>
                  <a:pt x="8183321" y="1274001"/>
                  <a:pt x="8550465" y="1641145"/>
                  <a:pt x="8550465" y="2094040"/>
                </a:cubicBezTo>
                <a:lnTo>
                  <a:pt x="8550656" y="2093976"/>
                </a:lnTo>
                <a:cubicBezTo>
                  <a:pt x="8550644" y="2519027"/>
                  <a:pt x="8225853" y="2873614"/>
                  <a:pt x="7802436" y="2910840"/>
                </a:cubicBezTo>
                <a:cubicBezTo>
                  <a:pt x="7636891" y="3694684"/>
                  <a:pt x="6941249" y="4282948"/>
                  <a:pt x="6108192" y="4282948"/>
                </a:cubicBezTo>
                <a:cubicBezTo>
                  <a:pt x="5151755" y="4282948"/>
                  <a:pt x="4376420" y="3507677"/>
                  <a:pt x="4376420" y="2551240"/>
                </a:cubicBezTo>
                <a:cubicBezTo>
                  <a:pt x="4376420" y="1594803"/>
                  <a:pt x="5151755" y="819531"/>
                  <a:pt x="6108192" y="819531"/>
                </a:cubicBezTo>
                <a:close/>
                <a:moveTo>
                  <a:pt x="7636510" y="0"/>
                </a:moveTo>
                <a:cubicBezTo>
                  <a:pt x="7907918" y="0"/>
                  <a:pt x="8127937" y="220019"/>
                  <a:pt x="8127937" y="491427"/>
                </a:cubicBezTo>
                <a:lnTo>
                  <a:pt x="8127936" y="491427"/>
                </a:lnTo>
                <a:cubicBezTo>
                  <a:pt x="8127936" y="762799"/>
                  <a:pt x="7907946" y="982790"/>
                  <a:pt x="7636573" y="982790"/>
                </a:cubicBezTo>
                <a:cubicBezTo>
                  <a:pt x="7636552" y="982790"/>
                  <a:pt x="7636530" y="982790"/>
                  <a:pt x="7636510" y="982790"/>
                </a:cubicBezTo>
                <a:cubicBezTo>
                  <a:pt x="7365138" y="982825"/>
                  <a:pt x="7145119" y="762862"/>
                  <a:pt x="7145084" y="491490"/>
                </a:cubicBezTo>
                <a:cubicBezTo>
                  <a:pt x="7145084" y="491469"/>
                  <a:pt x="7145084" y="491448"/>
                  <a:pt x="7145084" y="491427"/>
                </a:cubicBezTo>
                <a:lnTo>
                  <a:pt x="7145084" y="491109"/>
                </a:lnTo>
                <a:cubicBezTo>
                  <a:pt x="7145259" y="219826"/>
                  <a:pt x="7365227" y="0"/>
                  <a:pt x="7636510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0783473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7E795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372D2AD3-274B-7445-83BC-8670CE00AC7B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082877" y="1571043"/>
            <a:ext cx="6547523" cy="4723732"/>
          </a:xfrm>
          <a:custGeom>
            <a:avLst/>
            <a:gdLst>
              <a:gd name="connsiteX0" fmla="*/ 4083177 w 8550656"/>
              <a:gd name="connsiteY0" fmla="*/ 4782693 h 6168898"/>
              <a:gd name="connsiteX1" fmla="*/ 4747768 w 8550656"/>
              <a:gd name="connsiteY1" fmla="*/ 5447284 h 6168898"/>
              <a:gd name="connsiteX2" fmla="*/ 4747768 w 8550656"/>
              <a:gd name="connsiteY2" fmla="*/ 5447348 h 6168898"/>
              <a:gd name="connsiteX3" fmla="*/ 4747895 w 8550656"/>
              <a:gd name="connsiteY3" fmla="*/ 5447284 h 6168898"/>
              <a:gd name="connsiteX4" fmla="*/ 4083305 w 8550656"/>
              <a:gd name="connsiteY4" fmla="*/ 6111875 h 6168898"/>
              <a:gd name="connsiteX5" fmla="*/ 4083304 w 8550656"/>
              <a:gd name="connsiteY5" fmla="*/ 6111875 h 6168898"/>
              <a:gd name="connsiteX6" fmla="*/ 3418523 w 8550656"/>
              <a:gd name="connsiteY6" fmla="*/ 5447475 h 6168898"/>
              <a:gd name="connsiteX7" fmla="*/ 3418523 w 8550656"/>
              <a:gd name="connsiteY7" fmla="*/ 5447348 h 6168898"/>
              <a:gd name="connsiteX8" fmla="*/ 4083177 w 8550656"/>
              <a:gd name="connsiteY8" fmla="*/ 4782693 h 6168898"/>
              <a:gd name="connsiteX9" fmla="*/ 3255645 w 8550656"/>
              <a:gd name="connsiteY9" fmla="*/ 4541076 h 6168898"/>
              <a:gd name="connsiteX10" fmla="*/ 3255645 w 8550656"/>
              <a:gd name="connsiteY10" fmla="*/ 4541139 h 6168898"/>
              <a:gd name="connsiteX11" fmla="*/ 3255643 w 8550656"/>
              <a:gd name="connsiteY11" fmla="*/ 4541113 h 6168898"/>
              <a:gd name="connsiteX12" fmla="*/ 4390390 w 8550656"/>
              <a:gd name="connsiteY12" fmla="*/ 4371657 h 6168898"/>
              <a:gd name="connsiteX13" fmla="*/ 4390390 w 8550656"/>
              <a:gd name="connsiteY13" fmla="*/ 4371658 h 6168898"/>
              <a:gd name="connsiteX14" fmla="*/ 4390390 w 8550656"/>
              <a:gd name="connsiteY14" fmla="*/ 4371658 h 6168898"/>
              <a:gd name="connsiteX15" fmla="*/ 4703318 w 8550656"/>
              <a:gd name="connsiteY15" fmla="*/ 4058793 h 6168898"/>
              <a:gd name="connsiteX16" fmla="*/ 5016183 w 8550656"/>
              <a:gd name="connsiteY16" fmla="*/ 4371658 h 6168898"/>
              <a:gd name="connsiteX17" fmla="*/ 4703382 w 8550656"/>
              <a:gd name="connsiteY17" fmla="*/ 4684586 h 6168898"/>
              <a:gd name="connsiteX18" fmla="*/ 4703318 w 8550656"/>
              <a:gd name="connsiteY18" fmla="*/ 4684586 h 6168898"/>
              <a:gd name="connsiteX19" fmla="*/ 4414982 w 8550656"/>
              <a:gd name="connsiteY19" fmla="*/ 4493463 h 6168898"/>
              <a:gd name="connsiteX20" fmla="*/ 4390390 w 8550656"/>
              <a:gd name="connsiteY20" fmla="*/ 4371658 h 6168898"/>
              <a:gd name="connsiteX21" fmla="*/ 4415000 w 8550656"/>
              <a:gd name="connsiteY21" fmla="*/ 4249873 h 6168898"/>
              <a:gd name="connsiteX22" fmla="*/ 4703318 w 8550656"/>
              <a:gd name="connsiteY22" fmla="*/ 4058793 h 6168898"/>
              <a:gd name="connsiteX23" fmla="*/ 4036378 w 8550656"/>
              <a:gd name="connsiteY23" fmla="*/ 3005772 h 6168898"/>
              <a:gd name="connsiteX24" fmla="*/ 4036378 w 8550656"/>
              <a:gd name="connsiteY24" fmla="*/ 3005773 h 6168898"/>
              <a:gd name="connsiteX25" fmla="*/ 4036378 w 8550656"/>
              <a:gd name="connsiteY25" fmla="*/ 3005773 h 6168898"/>
              <a:gd name="connsiteX26" fmla="*/ 2916428 w 8550656"/>
              <a:gd name="connsiteY26" fmla="*/ 1885252 h 6168898"/>
              <a:gd name="connsiteX27" fmla="*/ 4013639 w 8550656"/>
              <a:gd name="connsiteY27" fmla="*/ 2780021 h 6168898"/>
              <a:gd name="connsiteX28" fmla="*/ 4036378 w 8550656"/>
              <a:gd name="connsiteY28" fmla="*/ 3005773 h 6168898"/>
              <a:gd name="connsiteX29" fmla="*/ 4020484 w 8550656"/>
              <a:gd name="connsiteY29" fmla="*/ 3194311 h 6168898"/>
              <a:gd name="connsiteX30" fmla="*/ 3192780 w 8550656"/>
              <a:gd name="connsiteY30" fmla="*/ 4091813 h 6168898"/>
              <a:gd name="connsiteX31" fmla="*/ 3239936 w 8550656"/>
              <a:gd name="connsiteY31" fmla="*/ 4314277 h 6168898"/>
              <a:gd name="connsiteX32" fmla="*/ 3255643 w 8550656"/>
              <a:gd name="connsiteY32" fmla="*/ 4541113 h 6168898"/>
              <a:gd name="connsiteX33" fmla="*/ 3247241 w 8550656"/>
              <a:gd name="connsiteY33" fmla="*/ 4707513 h 6168898"/>
              <a:gd name="connsiteX34" fmla="*/ 1627823 w 8550656"/>
              <a:gd name="connsiteY34" fmla="*/ 6168898 h 6168898"/>
              <a:gd name="connsiteX35" fmla="*/ 0 w 8550656"/>
              <a:gd name="connsiteY35" fmla="*/ 4541076 h 6168898"/>
              <a:gd name="connsiteX36" fmla="*/ 1627823 w 8550656"/>
              <a:gd name="connsiteY36" fmla="*/ 2913317 h 6168898"/>
              <a:gd name="connsiteX37" fmla="*/ 1798828 w 8550656"/>
              <a:gd name="connsiteY37" fmla="*/ 2922207 h 6168898"/>
              <a:gd name="connsiteX38" fmla="*/ 2916428 w 8550656"/>
              <a:gd name="connsiteY38" fmla="*/ 1885252 h 6168898"/>
              <a:gd name="connsiteX39" fmla="*/ 1485456 w 8550656"/>
              <a:gd name="connsiteY39" fmla="*/ 1659064 h 6168898"/>
              <a:gd name="connsiteX40" fmla="*/ 1485463 w 8550656"/>
              <a:gd name="connsiteY40" fmla="*/ 1659096 h 6168898"/>
              <a:gd name="connsiteX41" fmla="*/ 1485456 w 8550656"/>
              <a:gd name="connsiteY41" fmla="*/ 1659128 h 6168898"/>
              <a:gd name="connsiteX42" fmla="*/ 1737741 w 8550656"/>
              <a:gd name="connsiteY42" fmla="*/ 1406842 h 6168898"/>
              <a:gd name="connsiteX43" fmla="*/ 1990026 w 8550656"/>
              <a:gd name="connsiteY43" fmla="*/ 1659128 h 6168898"/>
              <a:gd name="connsiteX44" fmla="*/ 1990027 w 8550656"/>
              <a:gd name="connsiteY44" fmla="*/ 1659128 h 6168898"/>
              <a:gd name="connsiteX45" fmla="*/ 1737741 w 8550656"/>
              <a:gd name="connsiteY45" fmla="*/ 1911350 h 6168898"/>
              <a:gd name="connsiteX46" fmla="*/ 1505282 w 8550656"/>
              <a:gd name="connsiteY46" fmla="*/ 1757266 h 6168898"/>
              <a:gd name="connsiteX47" fmla="*/ 1485463 w 8550656"/>
              <a:gd name="connsiteY47" fmla="*/ 1659096 h 6168898"/>
              <a:gd name="connsiteX48" fmla="*/ 1505282 w 8550656"/>
              <a:gd name="connsiteY48" fmla="*/ 1560928 h 6168898"/>
              <a:gd name="connsiteX49" fmla="*/ 1737741 w 8550656"/>
              <a:gd name="connsiteY49" fmla="*/ 1406842 h 6168898"/>
              <a:gd name="connsiteX50" fmla="*/ 810260 w 8550656"/>
              <a:gd name="connsiteY50" fmla="*/ 1304417 h 6168898"/>
              <a:gd name="connsiteX51" fmla="*/ 1449769 w 8550656"/>
              <a:gd name="connsiteY51" fmla="*/ 1943926 h 6168898"/>
              <a:gd name="connsiteX52" fmla="*/ 810260 w 8550656"/>
              <a:gd name="connsiteY52" fmla="*/ 2583434 h 6168898"/>
              <a:gd name="connsiteX53" fmla="*/ 170752 w 8550656"/>
              <a:gd name="connsiteY53" fmla="*/ 1943926 h 6168898"/>
              <a:gd name="connsiteX54" fmla="*/ 171006 w 8550656"/>
              <a:gd name="connsiteY54" fmla="*/ 1943926 h 6168898"/>
              <a:gd name="connsiteX55" fmla="*/ 810260 w 8550656"/>
              <a:gd name="connsiteY55" fmla="*/ 1304417 h 6168898"/>
              <a:gd name="connsiteX56" fmla="*/ 3916426 w 8550656"/>
              <a:gd name="connsiteY56" fmla="*/ 864045 h 6168898"/>
              <a:gd name="connsiteX57" fmla="*/ 3916680 w 8550656"/>
              <a:gd name="connsiteY57" fmla="*/ 864045 h 6168898"/>
              <a:gd name="connsiteX58" fmla="*/ 4408107 w 8550656"/>
              <a:gd name="connsiteY58" fmla="*/ 1355471 h 6168898"/>
              <a:gd name="connsiteX59" fmla="*/ 3916680 w 8550656"/>
              <a:gd name="connsiteY59" fmla="*/ 1846898 h 6168898"/>
              <a:gd name="connsiteX60" fmla="*/ 3425317 w 8550656"/>
              <a:gd name="connsiteY60" fmla="*/ 1355535 h 6168898"/>
              <a:gd name="connsiteX61" fmla="*/ 3425317 w 8550656"/>
              <a:gd name="connsiteY61" fmla="*/ 1355471 h 6168898"/>
              <a:gd name="connsiteX62" fmla="*/ 3425127 w 8550656"/>
              <a:gd name="connsiteY62" fmla="*/ 1355471 h 6168898"/>
              <a:gd name="connsiteX63" fmla="*/ 3916426 w 8550656"/>
              <a:gd name="connsiteY63" fmla="*/ 864045 h 6168898"/>
              <a:gd name="connsiteX64" fmla="*/ 6108192 w 8550656"/>
              <a:gd name="connsiteY64" fmla="*/ 819531 h 6168898"/>
              <a:gd name="connsiteX65" fmla="*/ 7364730 w 8550656"/>
              <a:gd name="connsiteY65" fmla="*/ 1359916 h 6168898"/>
              <a:gd name="connsiteX66" fmla="*/ 7730426 w 8550656"/>
              <a:gd name="connsiteY66" fmla="*/ 1274001 h 6168898"/>
              <a:gd name="connsiteX67" fmla="*/ 8550465 w 8550656"/>
              <a:gd name="connsiteY67" fmla="*/ 2094040 h 6168898"/>
              <a:gd name="connsiteX68" fmla="*/ 8550656 w 8550656"/>
              <a:gd name="connsiteY68" fmla="*/ 2093976 h 6168898"/>
              <a:gd name="connsiteX69" fmla="*/ 7802436 w 8550656"/>
              <a:gd name="connsiteY69" fmla="*/ 2910840 h 6168898"/>
              <a:gd name="connsiteX70" fmla="*/ 6108192 w 8550656"/>
              <a:gd name="connsiteY70" fmla="*/ 4282948 h 6168898"/>
              <a:gd name="connsiteX71" fmla="*/ 4376420 w 8550656"/>
              <a:gd name="connsiteY71" fmla="*/ 2551240 h 6168898"/>
              <a:gd name="connsiteX72" fmla="*/ 6108192 w 8550656"/>
              <a:gd name="connsiteY72" fmla="*/ 819531 h 6168898"/>
              <a:gd name="connsiteX73" fmla="*/ 7636510 w 8550656"/>
              <a:gd name="connsiteY73" fmla="*/ 0 h 6168898"/>
              <a:gd name="connsiteX74" fmla="*/ 8127937 w 8550656"/>
              <a:gd name="connsiteY74" fmla="*/ 491427 h 6168898"/>
              <a:gd name="connsiteX75" fmla="*/ 8127936 w 8550656"/>
              <a:gd name="connsiteY75" fmla="*/ 491427 h 6168898"/>
              <a:gd name="connsiteX76" fmla="*/ 7636573 w 8550656"/>
              <a:gd name="connsiteY76" fmla="*/ 982790 h 6168898"/>
              <a:gd name="connsiteX77" fmla="*/ 7636510 w 8550656"/>
              <a:gd name="connsiteY77" fmla="*/ 982790 h 6168898"/>
              <a:gd name="connsiteX78" fmla="*/ 7145084 w 8550656"/>
              <a:gd name="connsiteY78" fmla="*/ 491490 h 6168898"/>
              <a:gd name="connsiteX79" fmla="*/ 7145084 w 8550656"/>
              <a:gd name="connsiteY79" fmla="*/ 491427 h 6168898"/>
              <a:gd name="connsiteX80" fmla="*/ 7145084 w 8550656"/>
              <a:gd name="connsiteY80" fmla="*/ 491109 h 6168898"/>
              <a:gd name="connsiteX81" fmla="*/ 7636510 w 8550656"/>
              <a:gd name="connsiteY81" fmla="*/ 0 h 61688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8550656" h="6168898">
                <a:moveTo>
                  <a:pt x="4083177" y="4782693"/>
                </a:moveTo>
                <a:cubicBezTo>
                  <a:pt x="4450221" y="4782693"/>
                  <a:pt x="4747768" y="5080241"/>
                  <a:pt x="4747768" y="5447284"/>
                </a:cubicBezTo>
                <a:cubicBezTo>
                  <a:pt x="4747768" y="5447305"/>
                  <a:pt x="4747768" y="5447326"/>
                  <a:pt x="4747768" y="5447348"/>
                </a:cubicBezTo>
                <a:lnTo>
                  <a:pt x="4747895" y="5447284"/>
                </a:lnTo>
                <a:cubicBezTo>
                  <a:pt x="4747895" y="5814328"/>
                  <a:pt x="4450348" y="6111875"/>
                  <a:pt x="4083305" y="6111875"/>
                </a:cubicBezTo>
                <a:lnTo>
                  <a:pt x="4083304" y="6111875"/>
                </a:lnTo>
                <a:cubicBezTo>
                  <a:pt x="3716261" y="6111980"/>
                  <a:pt x="3418628" y="5814518"/>
                  <a:pt x="3418523" y="5447475"/>
                </a:cubicBezTo>
                <a:cubicBezTo>
                  <a:pt x="3418523" y="5447432"/>
                  <a:pt x="3418523" y="5447390"/>
                  <a:pt x="3418523" y="5447348"/>
                </a:cubicBezTo>
                <a:cubicBezTo>
                  <a:pt x="3418523" y="5080269"/>
                  <a:pt x="3716099" y="4782693"/>
                  <a:pt x="4083177" y="4782693"/>
                </a:cubicBezTo>
                <a:close/>
                <a:moveTo>
                  <a:pt x="3255645" y="4541076"/>
                </a:moveTo>
                <a:lnTo>
                  <a:pt x="3255645" y="4541139"/>
                </a:lnTo>
                <a:lnTo>
                  <a:pt x="3255643" y="4541113"/>
                </a:lnTo>
                <a:close/>
                <a:moveTo>
                  <a:pt x="4390390" y="4371657"/>
                </a:moveTo>
                <a:lnTo>
                  <a:pt x="4390390" y="4371658"/>
                </a:lnTo>
                <a:lnTo>
                  <a:pt x="4390390" y="4371658"/>
                </a:lnTo>
                <a:close/>
                <a:moveTo>
                  <a:pt x="4703318" y="4058793"/>
                </a:moveTo>
                <a:cubicBezTo>
                  <a:pt x="4876109" y="4058793"/>
                  <a:pt x="5016183" y="4198868"/>
                  <a:pt x="5016183" y="4371658"/>
                </a:cubicBezTo>
                <a:cubicBezTo>
                  <a:pt x="5016218" y="4544448"/>
                  <a:pt x="4876172" y="4684551"/>
                  <a:pt x="4703382" y="4684586"/>
                </a:cubicBezTo>
                <a:cubicBezTo>
                  <a:pt x="4703361" y="4684586"/>
                  <a:pt x="4703339" y="4684586"/>
                  <a:pt x="4703318" y="4684586"/>
                </a:cubicBezTo>
                <a:cubicBezTo>
                  <a:pt x="4573699" y="4684586"/>
                  <a:pt x="4462487" y="4605778"/>
                  <a:pt x="4414982" y="4493463"/>
                </a:cubicBezTo>
                <a:lnTo>
                  <a:pt x="4390390" y="4371658"/>
                </a:lnTo>
                <a:lnTo>
                  <a:pt x="4415000" y="4249873"/>
                </a:lnTo>
                <a:cubicBezTo>
                  <a:pt x="4462516" y="4137579"/>
                  <a:pt x="4573718" y="4058793"/>
                  <a:pt x="4703318" y="4058793"/>
                </a:cubicBezTo>
                <a:close/>
                <a:moveTo>
                  <a:pt x="4036378" y="3005772"/>
                </a:moveTo>
                <a:lnTo>
                  <a:pt x="4036378" y="3005773"/>
                </a:lnTo>
                <a:lnTo>
                  <a:pt x="4036378" y="3005773"/>
                </a:lnTo>
                <a:close/>
                <a:moveTo>
                  <a:pt x="2916428" y="1885252"/>
                </a:moveTo>
                <a:cubicBezTo>
                  <a:pt x="3457736" y="1885497"/>
                  <a:pt x="3909244" y="2269568"/>
                  <a:pt x="4013639" y="2780021"/>
                </a:cubicBezTo>
                <a:lnTo>
                  <a:pt x="4036378" y="3005773"/>
                </a:lnTo>
                <a:lnTo>
                  <a:pt x="4020484" y="3194311"/>
                </a:lnTo>
                <a:cubicBezTo>
                  <a:pt x="3947224" y="3624780"/>
                  <a:pt x="3627063" y="3980928"/>
                  <a:pt x="3192780" y="4091813"/>
                </a:cubicBezTo>
                <a:cubicBezTo>
                  <a:pt x="3213689" y="4164868"/>
                  <a:pt x="3229433" y="4239206"/>
                  <a:pt x="3239936" y="4314277"/>
                </a:cubicBezTo>
                <a:lnTo>
                  <a:pt x="3255643" y="4541113"/>
                </a:lnTo>
                <a:lnTo>
                  <a:pt x="3247241" y="4707513"/>
                </a:lnTo>
                <a:cubicBezTo>
                  <a:pt x="3163882" y="5528361"/>
                  <a:pt x="2470667" y="6168898"/>
                  <a:pt x="1627823" y="6168898"/>
                </a:cubicBezTo>
                <a:cubicBezTo>
                  <a:pt x="728790" y="6168898"/>
                  <a:pt x="0" y="5440109"/>
                  <a:pt x="0" y="4541076"/>
                </a:cubicBezTo>
                <a:cubicBezTo>
                  <a:pt x="0" y="3642106"/>
                  <a:pt x="728790" y="2913317"/>
                  <a:pt x="1627823" y="2913317"/>
                </a:cubicBezTo>
                <a:cubicBezTo>
                  <a:pt x="1684940" y="2913324"/>
                  <a:pt x="1742018" y="2916291"/>
                  <a:pt x="1798828" y="2922207"/>
                </a:cubicBezTo>
                <a:cubicBezTo>
                  <a:pt x="1842539" y="2337320"/>
                  <a:pt x="2329911" y="1885116"/>
                  <a:pt x="2916428" y="1885252"/>
                </a:cubicBezTo>
                <a:close/>
                <a:moveTo>
                  <a:pt x="1485456" y="1659064"/>
                </a:moveTo>
                <a:lnTo>
                  <a:pt x="1485463" y="1659096"/>
                </a:lnTo>
                <a:lnTo>
                  <a:pt x="1485456" y="1659128"/>
                </a:lnTo>
                <a:close/>
                <a:moveTo>
                  <a:pt x="1737741" y="1406842"/>
                </a:moveTo>
                <a:cubicBezTo>
                  <a:pt x="1877074" y="1406842"/>
                  <a:pt x="1990026" y="1519795"/>
                  <a:pt x="1990026" y="1659128"/>
                </a:cubicBezTo>
                <a:lnTo>
                  <a:pt x="1990027" y="1659128"/>
                </a:lnTo>
                <a:cubicBezTo>
                  <a:pt x="1989992" y="1798437"/>
                  <a:pt x="1877050" y="1911350"/>
                  <a:pt x="1737741" y="1911350"/>
                </a:cubicBezTo>
                <a:cubicBezTo>
                  <a:pt x="1633241" y="1911350"/>
                  <a:pt x="1543581" y="1847815"/>
                  <a:pt x="1505282" y="1757266"/>
                </a:cubicBezTo>
                <a:lnTo>
                  <a:pt x="1485463" y="1659096"/>
                </a:lnTo>
                <a:lnTo>
                  <a:pt x="1505282" y="1560928"/>
                </a:lnTo>
                <a:cubicBezTo>
                  <a:pt x="1543581" y="1470378"/>
                  <a:pt x="1633241" y="1406842"/>
                  <a:pt x="1737741" y="1406842"/>
                </a:cubicBezTo>
                <a:close/>
                <a:moveTo>
                  <a:pt x="810260" y="1304417"/>
                </a:moveTo>
                <a:cubicBezTo>
                  <a:pt x="1163451" y="1304417"/>
                  <a:pt x="1449769" y="1590735"/>
                  <a:pt x="1449769" y="1943926"/>
                </a:cubicBezTo>
                <a:cubicBezTo>
                  <a:pt x="1449769" y="2297117"/>
                  <a:pt x="1163451" y="2583434"/>
                  <a:pt x="810260" y="2583434"/>
                </a:cubicBezTo>
                <a:cubicBezTo>
                  <a:pt x="457069" y="2583434"/>
                  <a:pt x="170752" y="2297116"/>
                  <a:pt x="170752" y="1943926"/>
                </a:cubicBezTo>
                <a:lnTo>
                  <a:pt x="171006" y="1943926"/>
                </a:lnTo>
                <a:cubicBezTo>
                  <a:pt x="171006" y="1590834"/>
                  <a:pt x="457169" y="1304557"/>
                  <a:pt x="810260" y="1304417"/>
                </a:cubicBezTo>
                <a:close/>
                <a:moveTo>
                  <a:pt x="3916426" y="864045"/>
                </a:moveTo>
                <a:cubicBezTo>
                  <a:pt x="3916511" y="864045"/>
                  <a:pt x="3916596" y="864045"/>
                  <a:pt x="3916680" y="864045"/>
                </a:cubicBezTo>
                <a:cubicBezTo>
                  <a:pt x="4188088" y="864045"/>
                  <a:pt x="4408107" y="1084064"/>
                  <a:pt x="4408107" y="1355471"/>
                </a:cubicBezTo>
                <a:cubicBezTo>
                  <a:pt x="4408107" y="1626878"/>
                  <a:pt x="4188088" y="1846898"/>
                  <a:pt x="3916680" y="1846898"/>
                </a:cubicBezTo>
                <a:cubicBezTo>
                  <a:pt x="3645308" y="1846898"/>
                  <a:pt x="3425317" y="1626907"/>
                  <a:pt x="3425317" y="1355535"/>
                </a:cubicBezTo>
                <a:cubicBezTo>
                  <a:pt x="3425317" y="1355513"/>
                  <a:pt x="3425317" y="1355492"/>
                  <a:pt x="3425317" y="1355471"/>
                </a:cubicBezTo>
                <a:lnTo>
                  <a:pt x="3425127" y="1355471"/>
                </a:lnTo>
                <a:cubicBezTo>
                  <a:pt x="3425092" y="1084099"/>
                  <a:pt x="3645054" y="864080"/>
                  <a:pt x="3916426" y="864045"/>
                </a:cubicBezTo>
                <a:close/>
                <a:moveTo>
                  <a:pt x="6108192" y="819531"/>
                </a:moveTo>
                <a:cubicBezTo>
                  <a:pt x="6583554" y="819071"/>
                  <a:pt x="7038093" y="1014549"/>
                  <a:pt x="7364730" y="1359916"/>
                </a:cubicBezTo>
                <a:cubicBezTo>
                  <a:pt x="7478299" y="1303257"/>
                  <a:pt x="7603508" y="1273841"/>
                  <a:pt x="7730426" y="1274001"/>
                </a:cubicBezTo>
                <a:cubicBezTo>
                  <a:pt x="8183321" y="1274001"/>
                  <a:pt x="8550465" y="1641145"/>
                  <a:pt x="8550465" y="2094040"/>
                </a:cubicBezTo>
                <a:lnTo>
                  <a:pt x="8550656" y="2093976"/>
                </a:lnTo>
                <a:cubicBezTo>
                  <a:pt x="8550644" y="2519027"/>
                  <a:pt x="8225853" y="2873614"/>
                  <a:pt x="7802436" y="2910840"/>
                </a:cubicBezTo>
                <a:cubicBezTo>
                  <a:pt x="7636891" y="3694684"/>
                  <a:pt x="6941249" y="4282948"/>
                  <a:pt x="6108192" y="4282948"/>
                </a:cubicBezTo>
                <a:cubicBezTo>
                  <a:pt x="5151755" y="4282948"/>
                  <a:pt x="4376420" y="3507677"/>
                  <a:pt x="4376420" y="2551240"/>
                </a:cubicBezTo>
                <a:cubicBezTo>
                  <a:pt x="4376420" y="1594803"/>
                  <a:pt x="5151755" y="819531"/>
                  <a:pt x="6108192" y="819531"/>
                </a:cubicBezTo>
                <a:close/>
                <a:moveTo>
                  <a:pt x="7636510" y="0"/>
                </a:moveTo>
                <a:cubicBezTo>
                  <a:pt x="7907918" y="0"/>
                  <a:pt x="8127937" y="220019"/>
                  <a:pt x="8127937" y="491427"/>
                </a:cubicBezTo>
                <a:lnTo>
                  <a:pt x="8127936" y="491427"/>
                </a:lnTo>
                <a:cubicBezTo>
                  <a:pt x="8127936" y="762799"/>
                  <a:pt x="7907946" y="982790"/>
                  <a:pt x="7636573" y="982790"/>
                </a:cubicBezTo>
                <a:cubicBezTo>
                  <a:pt x="7636552" y="982790"/>
                  <a:pt x="7636530" y="982790"/>
                  <a:pt x="7636510" y="982790"/>
                </a:cubicBezTo>
                <a:cubicBezTo>
                  <a:pt x="7365138" y="982825"/>
                  <a:pt x="7145119" y="762862"/>
                  <a:pt x="7145084" y="491490"/>
                </a:cubicBezTo>
                <a:cubicBezTo>
                  <a:pt x="7145084" y="491469"/>
                  <a:pt x="7145084" y="491448"/>
                  <a:pt x="7145084" y="491427"/>
                </a:cubicBezTo>
                <a:lnTo>
                  <a:pt x="7145084" y="491109"/>
                </a:lnTo>
                <a:cubicBezTo>
                  <a:pt x="7145259" y="219826"/>
                  <a:pt x="7365227" y="0"/>
                  <a:pt x="7636510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4155286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15" name="Tijdelijke aanduiding voor afbeelding 14">
            <a:extLst>
              <a:ext uri="{FF2B5EF4-FFF2-40B4-BE49-F238E27FC236}">
                <a16:creationId xmlns:a16="http://schemas.microsoft.com/office/drawing/2014/main" id="{54D8519B-0697-5B4D-A0A7-34A4B0BE938C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9815" y="1792627"/>
            <a:ext cx="4079894" cy="4640867"/>
          </a:xfrm>
          <a:custGeom>
            <a:avLst/>
            <a:gdLst>
              <a:gd name="connsiteX0" fmla="*/ 4079894 w 4079894"/>
              <a:gd name="connsiteY0" fmla="*/ 2721932 h 4640867"/>
              <a:gd name="connsiteX1" fmla="*/ 4079894 w 4079894"/>
              <a:gd name="connsiteY1" fmla="*/ 4640867 h 4640867"/>
              <a:gd name="connsiteX2" fmla="*/ 4002863 w 4079894"/>
              <a:gd name="connsiteY2" fmla="*/ 4619668 h 4640867"/>
              <a:gd name="connsiteX3" fmla="*/ 3869824 w 4079894"/>
              <a:gd name="connsiteY3" fmla="*/ 4561232 h 4640867"/>
              <a:gd name="connsiteX4" fmla="*/ 3455559 w 4079894"/>
              <a:gd name="connsiteY4" fmla="*/ 3216884 h 4640867"/>
              <a:gd name="connsiteX5" fmla="*/ 4028247 w 4079894"/>
              <a:gd name="connsiteY5" fmla="*/ 2735045 h 4640867"/>
              <a:gd name="connsiteX6" fmla="*/ 4079894 w 4079894"/>
              <a:gd name="connsiteY6" fmla="*/ 335573 h 4640867"/>
              <a:gd name="connsiteX7" fmla="*/ 4079894 w 4079894"/>
              <a:gd name="connsiteY7" fmla="*/ 1594144 h 4640867"/>
              <a:gd name="connsiteX8" fmla="*/ 4032129 w 4079894"/>
              <a:gd name="connsiteY8" fmla="*/ 1608965 h 4640867"/>
              <a:gd name="connsiteX9" fmla="*/ 3913267 w 4079894"/>
              <a:gd name="connsiteY9" fmla="*/ 1620920 h 4640867"/>
              <a:gd name="connsiteX10" fmla="*/ 3913043 w 4079894"/>
              <a:gd name="connsiteY10" fmla="*/ 1620920 h 4640867"/>
              <a:gd name="connsiteX11" fmla="*/ 3323330 w 4079894"/>
              <a:gd name="connsiteY11" fmla="*/ 1030863 h 4640867"/>
              <a:gd name="connsiteX12" fmla="*/ 3913043 w 4079894"/>
              <a:gd name="connsiteY12" fmla="*/ 440751 h 4640867"/>
              <a:gd name="connsiteX13" fmla="*/ 4052997 w 4079894"/>
              <a:gd name="connsiteY13" fmla="*/ 457555 h 4640867"/>
              <a:gd name="connsiteX14" fmla="*/ 4052997 w 4079894"/>
              <a:gd name="connsiteY14" fmla="*/ 453074 h 4640867"/>
              <a:gd name="connsiteX15" fmla="*/ 4074812 w 4079894"/>
              <a:gd name="connsiteY15" fmla="*/ 344943 h 4640867"/>
              <a:gd name="connsiteX16" fmla="*/ 782492 w 4079894"/>
              <a:gd name="connsiteY16" fmla="*/ 182861 h 4640867"/>
              <a:gd name="connsiteX17" fmla="*/ 1423155 w 4079894"/>
              <a:gd name="connsiteY17" fmla="*/ 693749 h 4640867"/>
              <a:gd name="connsiteX18" fmla="*/ 1423196 w 4079894"/>
              <a:gd name="connsiteY18" fmla="*/ 693880 h 4640867"/>
              <a:gd name="connsiteX19" fmla="*/ 1451186 w 4079894"/>
              <a:gd name="connsiteY19" fmla="*/ 824843 h 4640867"/>
              <a:gd name="connsiteX20" fmla="*/ 3171787 w 4079894"/>
              <a:gd name="connsiteY20" fmla="*/ 1886933 h 4640867"/>
              <a:gd name="connsiteX21" fmla="*/ 2158012 w 4079894"/>
              <a:gd name="connsiteY21" fmla="*/ 3810414 h 4640867"/>
              <a:gd name="connsiteX22" fmla="*/ 2157844 w 4079894"/>
              <a:gd name="connsiteY22" fmla="*/ 3810694 h 4640867"/>
              <a:gd name="connsiteX23" fmla="*/ 235486 w 4079894"/>
              <a:gd name="connsiteY23" fmla="*/ 2796832 h 4640867"/>
              <a:gd name="connsiteX24" fmla="*/ 385404 w 4079894"/>
              <a:gd name="connsiteY24" fmla="*/ 1551462 h 4640867"/>
              <a:gd name="connsiteX25" fmla="*/ 32720 w 4079894"/>
              <a:gd name="connsiteY25" fmla="*/ 1124463 h 4640867"/>
              <a:gd name="connsiteX26" fmla="*/ 32719 w 4079894"/>
              <a:gd name="connsiteY26" fmla="*/ 1124463 h 4640867"/>
              <a:gd name="connsiteX27" fmla="*/ 512651 w 4079894"/>
              <a:gd name="connsiteY27" fmla="*/ 213612 h 4640867"/>
              <a:gd name="connsiteX28" fmla="*/ 657128 w 4079894"/>
              <a:gd name="connsiteY28" fmla="*/ 184324 h 4640867"/>
              <a:gd name="connsiteX29" fmla="*/ 782492 w 4079894"/>
              <a:gd name="connsiteY29" fmla="*/ 182861 h 4640867"/>
              <a:gd name="connsiteX30" fmla="*/ 2438466 w 4079894"/>
              <a:gd name="connsiteY30" fmla="*/ 29 h 4640867"/>
              <a:gd name="connsiteX31" fmla="*/ 2447550 w 4079894"/>
              <a:gd name="connsiteY31" fmla="*/ 29 h 4640867"/>
              <a:gd name="connsiteX32" fmla="*/ 2820649 w 4079894"/>
              <a:gd name="connsiteY32" fmla="*/ 364255 h 4640867"/>
              <a:gd name="connsiteX33" fmla="*/ 2456635 w 4079894"/>
              <a:gd name="connsiteY33" fmla="*/ 737572 h 4640867"/>
              <a:gd name="connsiteX34" fmla="*/ 2447550 w 4079894"/>
              <a:gd name="connsiteY34" fmla="*/ 737572 h 4640867"/>
              <a:gd name="connsiteX35" fmla="*/ 2074451 w 4079894"/>
              <a:gd name="connsiteY35" fmla="*/ 373345 h 4640867"/>
              <a:gd name="connsiteX36" fmla="*/ 2438466 w 4079894"/>
              <a:gd name="connsiteY36" fmla="*/ 29 h 46408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</a:cxnLst>
            <a:rect l="l" t="t" r="r" b="b"/>
            <a:pathLst>
              <a:path w="4079894" h="4640867">
                <a:moveTo>
                  <a:pt x="4079894" y="2721932"/>
                </a:moveTo>
                <a:lnTo>
                  <a:pt x="4079894" y="4640867"/>
                </a:lnTo>
                <a:lnTo>
                  <a:pt x="4002863" y="4619668"/>
                </a:lnTo>
                <a:cubicBezTo>
                  <a:pt x="3957585" y="4603615"/>
                  <a:pt x="3913116" y="4584147"/>
                  <a:pt x="3869824" y="4561232"/>
                </a:cubicBezTo>
                <a:cubicBezTo>
                  <a:pt x="3384440" y="4304441"/>
                  <a:pt x="3198976" y="3702582"/>
                  <a:pt x="3455559" y="3216884"/>
                </a:cubicBezTo>
                <a:cubicBezTo>
                  <a:pt x="3577975" y="2984825"/>
                  <a:pt x="3785053" y="2813855"/>
                  <a:pt x="4028247" y="2735045"/>
                </a:cubicBezTo>
                <a:close/>
                <a:moveTo>
                  <a:pt x="4079894" y="335573"/>
                </a:moveTo>
                <a:lnTo>
                  <a:pt x="4079894" y="1594144"/>
                </a:lnTo>
                <a:lnTo>
                  <a:pt x="4032129" y="1608965"/>
                </a:lnTo>
                <a:cubicBezTo>
                  <a:pt x="3993734" y="1616815"/>
                  <a:pt x="3953982" y="1620932"/>
                  <a:pt x="3913267" y="1620920"/>
                </a:cubicBezTo>
                <a:cubicBezTo>
                  <a:pt x="3913191" y="1620920"/>
                  <a:pt x="3913118" y="1620920"/>
                  <a:pt x="3913043" y="1620920"/>
                </a:cubicBezTo>
                <a:cubicBezTo>
                  <a:pt x="3587366" y="1620889"/>
                  <a:pt x="3323360" y="1356730"/>
                  <a:pt x="3323330" y="1030863"/>
                </a:cubicBezTo>
                <a:cubicBezTo>
                  <a:pt x="3323330" y="704975"/>
                  <a:pt x="3587344" y="440782"/>
                  <a:pt x="3913043" y="440751"/>
                </a:cubicBezTo>
                <a:cubicBezTo>
                  <a:pt x="3960196" y="440754"/>
                  <a:pt x="4007181" y="446395"/>
                  <a:pt x="4052997" y="457555"/>
                </a:cubicBezTo>
                <a:cubicBezTo>
                  <a:pt x="4052997" y="456043"/>
                  <a:pt x="4052997" y="454586"/>
                  <a:pt x="4052997" y="453074"/>
                </a:cubicBezTo>
                <a:cubicBezTo>
                  <a:pt x="4052997" y="414719"/>
                  <a:pt x="4060765" y="378179"/>
                  <a:pt x="4074812" y="344943"/>
                </a:cubicBezTo>
                <a:close/>
                <a:moveTo>
                  <a:pt x="782492" y="182861"/>
                </a:moveTo>
                <a:cubicBezTo>
                  <a:pt x="1071814" y="204682"/>
                  <a:pt x="1332107" y="399626"/>
                  <a:pt x="1423155" y="693749"/>
                </a:cubicBezTo>
                <a:cubicBezTo>
                  <a:pt x="1423168" y="693793"/>
                  <a:pt x="1423181" y="693837"/>
                  <a:pt x="1423196" y="693880"/>
                </a:cubicBezTo>
                <a:cubicBezTo>
                  <a:pt x="1436510" y="736586"/>
                  <a:pt x="1445880" y="780424"/>
                  <a:pt x="1451186" y="824843"/>
                </a:cubicBezTo>
                <a:cubicBezTo>
                  <a:pt x="2198320" y="699314"/>
                  <a:pt x="2941590" y="1142781"/>
                  <a:pt x="3171787" y="1886933"/>
                </a:cubicBezTo>
                <a:cubicBezTo>
                  <a:pt x="3422530" y="2698135"/>
                  <a:pt x="2968741" y="3559300"/>
                  <a:pt x="2158012" y="3810414"/>
                </a:cubicBezTo>
                <a:lnTo>
                  <a:pt x="2157844" y="3810694"/>
                </a:lnTo>
                <a:cubicBezTo>
                  <a:pt x="1347116" y="4061807"/>
                  <a:pt x="486451" y="3607754"/>
                  <a:pt x="235486" y="2796832"/>
                </a:cubicBezTo>
                <a:cubicBezTo>
                  <a:pt x="105754" y="2379305"/>
                  <a:pt x="160297" y="1926223"/>
                  <a:pt x="385404" y="1551462"/>
                </a:cubicBezTo>
                <a:cubicBezTo>
                  <a:pt x="216041" y="1461388"/>
                  <a:pt x="89231" y="1307858"/>
                  <a:pt x="32720" y="1124463"/>
                </a:cubicBezTo>
                <a:lnTo>
                  <a:pt x="32719" y="1124463"/>
                </a:lnTo>
                <a:cubicBezTo>
                  <a:pt x="-86076" y="740337"/>
                  <a:pt x="128778" y="332571"/>
                  <a:pt x="512651" y="213612"/>
                </a:cubicBezTo>
                <a:cubicBezTo>
                  <a:pt x="560643" y="198739"/>
                  <a:pt x="609005" y="189083"/>
                  <a:pt x="657128" y="184324"/>
                </a:cubicBezTo>
                <a:cubicBezTo>
                  <a:pt x="699236" y="180160"/>
                  <a:pt x="741160" y="179744"/>
                  <a:pt x="782492" y="182861"/>
                </a:cubicBezTo>
                <a:close/>
                <a:moveTo>
                  <a:pt x="2438466" y="29"/>
                </a:moveTo>
                <a:cubicBezTo>
                  <a:pt x="2441494" y="-9"/>
                  <a:pt x="2444522" y="-9"/>
                  <a:pt x="2447550" y="29"/>
                </a:cubicBezTo>
                <a:cubicBezTo>
                  <a:pt x="2651098" y="-2482"/>
                  <a:pt x="2818140" y="160588"/>
                  <a:pt x="2820649" y="364255"/>
                </a:cubicBezTo>
                <a:cubicBezTo>
                  <a:pt x="2823158" y="567922"/>
                  <a:pt x="2660184" y="735061"/>
                  <a:pt x="2456635" y="737572"/>
                </a:cubicBezTo>
                <a:cubicBezTo>
                  <a:pt x="2453608" y="737609"/>
                  <a:pt x="2450579" y="737609"/>
                  <a:pt x="2447550" y="737572"/>
                </a:cubicBezTo>
                <a:cubicBezTo>
                  <a:pt x="2244002" y="740081"/>
                  <a:pt x="2076960" y="577012"/>
                  <a:pt x="2074451" y="373345"/>
                </a:cubicBezTo>
                <a:cubicBezTo>
                  <a:pt x="2071943" y="169678"/>
                  <a:pt x="2234918" y="2539"/>
                  <a:pt x="2438466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11238558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png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slideLayout" Target="../slideLayouts/slideLayout6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.png"/><Relationship Id="rId5" Type="http://schemas.openxmlformats.org/officeDocument/2006/relationships/theme" Target="../theme/theme2.xml"/><Relationship Id="rId4" Type="http://schemas.openxmlformats.org/officeDocument/2006/relationships/slideLayout" Target="../slideLayouts/slideLayout8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.xml"/><Relationship Id="rId2" Type="http://schemas.openxmlformats.org/officeDocument/2006/relationships/slideLayout" Target="../slideLayouts/slideLayout10.xml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1.png"/><Relationship Id="rId5" Type="http://schemas.openxmlformats.org/officeDocument/2006/relationships/theme" Target="../theme/theme3.xml"/><Relationship Id="rId4" Type="http://schemas.openxmlformats.org/officeDocument/2006/relationships/slideLayout" Target="../slideLayouts/slideLayout12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theme" Target="../theme/theme4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>
            <a:extLst>
              <a:ext uri="{FF2B5EF4-FFF2-40B4-BE49-F238E27FC236}">
                <a16:creationId xmlns:a16="http://schemas.microsoft.com/office/drawing/2014/main" id="{FAD3AB70-FA92-4340-864F-4A92EB3DEF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8820150" cy="7207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5F86AAD1-72A4-3243-9466-6B69FDF830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9" y="1628776"/>
            <a:ext cx="8820150" cy="48609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AB15D1BA-3619-784F-B908-D17097617F2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364800" y="6489700"/>
            <a:ext cx="225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nl-NL"/>
              <a:t>23 november 2020</a:t>
            </a:r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1F011314-B31A-E04C-8933-7D29E1BAECC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55688" y="6489700"/>
            <a:ext cx="432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000" b="1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algn="l"/>
            <a:r>
              <a:rPr lang="nl-NL"/>
              <a:t>Hier komt de titel van de presentatie</a:t>
            </a:r>
            <a:endParaRPr lang="nl-NL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852C19C1-7EB9-3642-A46A-4A55EF0C0C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875838" y="6489700"/>
            <a:ext cx="1260475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pic>
        <p:nvPicPr>
          <p:cNvPr id="13" name="Afbeelding 12">
            <a:extLst>
              <a:ext uri="{FF2B5EF4-FFF2-40B4-BE49-F238E27FC236}">
                <a16:creationId xmlns:a16="http://schemas.microsoft.com/office/drawing/2014/main" id="{AFB30441-6756-AF4E-ADEF-A59E81035389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616950" y="0"/>
            <a:ext cx="2521512" cy="847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92243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  <p:sldLayoutId id="2147483666" r:id="rId2"/>
    <p:sldLayoutId id="2147483667" r:id="rId3"/>
    <p:sldLayoutId id="2147483668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1" i="0" kern="1200">
          <a:solidFill>
            <a:srgbClr val="18407F"/>
          </a:solidFill>
          <a:latin typeface="Calibri" panose="020F0502020204030204" pitchFamily="34" charset="0"/>
          <a:ea typeface="+mj-ea"/>
          <a:cs typeface="Calibri" panose="020F0502020204030204" pitchFamily="34" charset="0"/>
        </a:defRPr>
      </a:lvl1pPr>
    </p:titleStyle>
    <p:bodyStyle>
      <a:lvl1pPr marL="269875" indent="-269875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0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63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8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81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6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99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088" userDrawn="1">
          <p15:clr>
            <a:srgbClr val="F26B43"/>
          </p15:clr>
        </p15:guide>
        <p15:guide id="3" pos="665" userDrawn="1">
          <p15:clr>
            <a:srgbClr val="F26B43"/>
          </p15:clr>
        </p15:guide>
        <p15:guide id="4" pos="7015" userDrawn="1">
          <p15:clr>
            <a:srgbClr val="F26B43"/>
          </p15:clr>
        </p15:guide>
        <p15:guide id="5" orient="horz" pos="2160" userDrawn="1">
          <p15:clr>
            <a:srgbClr val="F26B43"/>
          </p15:clr>
        </p15:guide>
        <p15:guide id="6" orient="horz" pos="572" userDrawn="1">
          <p15:clr>
            <a:srgbClr val="F26B43"/>
          </p15:clr>
        </p15:guide>
        <p15:guide id="7" pos="5428" userDrawn="1">
          <p15:clr>
            <a:srgbClr val="F26B43"/>
          </p15:clr>
        </p15:guide>
        <p15:guide id="8" pos="2252" userDrawn="1">
          <p15:clr>
            <a:srgbClr val="F26B43"/>
          </p15:clr>
        </p15:guide>
        <p15:guide id="9" pos="3046" userDrawn="1">
          <p15:clr>
            <a:srgbClr val="F26B43"/>
          </p15:clr>
        </p15:guide>
        <p15:guide id="10" pos="4634" userDrawn="1">
          <p15:clr>
            <a:srgbClr val="F26B43"/>
          </p15:clr>
        </p15:guide>
        <p15:guide id="11" pos="6221" userDrawn="1">
          <p15:clr>
            <a:srgbClr val="F26B43"/>
          </p15:clr>
        </p15:guide>
        <p15:guide id="12" pos="1459" userDrawn="1">
          <p15:clr>
            <a:srgbClr val="F26B43"/>
          </p15:clr>
        </p15:guide>
        <p15:guide id="13" orient="horz" pos="255" userDrawn="1">
          <p15:clr>
            <a:srgbClr val="F26B43"/>
          </p15:clr>
        </p15:guide>
        <p15:guide id="14" pos="3840" userDrawn="1">
          <p15:clr>
            <a:srgbClr val="F26B43"/>
          </p15:clr>
        </p15:guide>
        <p15:guide id="15" orient="horz" pos="1026" userDrawn="1">
          <p15:clr>
            <a:srgbClr val="F26B43"/>
          </p15:clr>
        </p15:guide>
        <p15:guide id="16" orient="horz" pos="1366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>
            <a:extLst>
              <a:ext uri="{FF2B5EF4-FFF2-40B4-BE49-F238E27FC236}">
                <a16:creationId xmlns:a16="http://schemas.microsoft.com/office/drawing/2014/main" id="{FAD3AB70-FA92-4340-864F-4A92EB3DEF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8820150" cy="7207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5F86AAD1-72A4-3243-9466-6B69FDF830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9" y="1628776"/>
            <a:ext cx="8820150" cy="48609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AB15D1BA-3619-784F-B908-D17097617F2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364800" y="6489700"/>
            <a:ext cx="225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nl-NL"/>
              <a:t>23 november 2020</a:t>
            </a:r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1F011314-B31A-E04C-8933-7D29E1BAECC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55688" y="6489700"/>
            <a:ext cx="432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000" b="1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algn="l"/>
            <a:r>
              <a:rPr lang="nl-NL"/>
              <a:t>Hier komt de titel van de presentatie</a:t>
            </a:r>
            <a:endParaRPr lang="nl-NL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852C19C1-7EB9-3642-A46A-4A55EF0C0C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875838" y="6489700"/>
            <a:ext cx="1260475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pic>
        <p:nvPicPr>
          <p:cNvPr id="13" name="Afbeelding 12">
            <a:extLst>
              <a:ext uri="{FF2B5EF4-FFF2-40B4-BE49-F238E27FC236}">
                <a16:creationId xmlns:a16="http://schemas.microsoft.com/office/drawing/2014/main" id="{AFB30441-6756-AF4E-ADEF-A59E81035389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616950" y="0"/>
            <a:ext cx="2521512" cy="847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42650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0" r:id="rId1"/>
    <p:sldLayoutId id="2147483671" r:id="rId2"/>
    <p:sldLayoutId id="2147483672" r:id="rId3"/>
    <p:sldLayoutId id="2147483673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1" i="0" kern="1200">
          <a:solidFill>
            <a:srgbClr val="18407F"/>
          </a:solidFill>
          <a:latin typeface="Calibri" panose="020F0502020204030204" pitchFamily="34" charset="0"/>
          <a:ea typeface="+mj-ea"/>
          <a:cs typeface="Calibri" panose="020F0502020204030204" pitchFamily="34" charset="0"/>
        </a:defRPr>
      </a:lvl1pPr>
    </p:titleStyle>
    <p:bodyStyle>
      <a:lvl1pPr marL="269875" indent="-269875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0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63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8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81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6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99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088" userDrawn="1">
          <p15:clr>
            <a:srgbClr val="F26B43"/>
          </p15:clr>
        </p15:guide>
        <p15:guide id="3" pos="665" userDrawn="1">
          <p15:clr>
            <a:srgbClr val="F26B43"/>
          </p15:clr>
        </p15:guide>
        <p15:guide id="4" pos="7015" userDrawn="1">
          <p15:clr>
            <a:srgbClr val="F26B43"/>
          </p15:clr>
        </p15:guide>
        <p15:guide id="5" orient="horz" pos="2160" userDrawn="1">
          <p15:clr>
            <a:srgbClr val="F26B43"/>
          </p15:clr>
        </p15:guide>
        <p15:guide id="6" orient="horz" pos="572" userDrawn="1">
          <p15:clr>
            <a:srgbClr val="F26B43"/>
          </p15:clr>
        </p15:guide>
        <p15:guide id="7" pos="5428" userDrawn="1">
          <p15:clr>
            <a:srgbClr val="F26B43"/>
          </p15:clr>
        </p15:guide>
        <p15:guide id="8" pos="2252" userDrawn="1">
          <p15:clr>
            <a:srgbClr val="F26B43"/>
          </p15:clr>
        </p15:guide>
        <p15:guide id="9" pos="3046" userDrawn="1">
          <p15:clr>
            <a:srgbClr val="F26B43"/>
          </p15:clr>
        </p15:guide>
        <p15:guide id="10" pos="4634" userDrawn="1">
          <p15:clr>
            <a:srgbClr val="F26B43"/>
          </p15:clr>
        </p15:guide>
        <p15:guide id="11" pos="6221" userDrawn="1">
          <p15:clr>
            <a:srgbClr val="F26B43"/>
          </p15:clr>
        </p15:guide>
        <p15:guide id="12" pos="1459" userDrawn="1">
          <p15:clr>
            <a:srgbClr val="F26B43"/>
          </p15:clr>
        </p15:guide>
        <p15:guide id="13" orient="horz" pos="255" userDrawn="1">
          <p15:clr>
            <a:srgbClr val="F26B43"/>
          </p15:clr>
        </p15:guide>
        <p15:guide id="14" pos="3840" userDrawn="1">
          <p15:clr>
            <a:srgbClr val="F26B43"/>
          </p15:clr>
        </p15:guide>
        <p15:guide id="15" orient="horz" pos="1026" userDrawn="1">
          <p15:clr>
            <a:srgbClr val="F26B43"/>
          </p15:clr>
        </p15:guide>
        <p15:guide id="16" orient="horz" pos="1366" userDrawn="1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>
            <a:extLst>
              <a:ext uri="{FF2B5EF4-FFF2-40B4-BE49-F238E27FC236}">
                <a16:creationId xmlns:a16="http://schemas.microsoft.com/office/drawing/2014/main" id="{FAD3AB70-FA92-4340-864F-4A92EB3DEF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8820150" cy="7207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5F86AAD1-72A4-3243-9466-6B69FDF830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9" y="1628776"/>
            <a:ext cx="8820150" cy="48609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AB15D1BA-3619-784F-B908-D17097617F2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364800" y="6489700"/>
            <a:ext cx="225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nl-NL"/>
              <a:t>23 november 2020</a:t>
            </a:r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1F011314-B31A-E04C-8933-7D29E1BAECC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55688" y="6489700"/>
            <a:ext cx="432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000" b="1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algn="l"/>
            <a:r>
              <a:rPr lang="nl-NL"/>
              <a:t>Hier komt de titel van de presentatie</a:t>
            </a:r>
            <a:endParaRPr lang="nl-NL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852C19C1-7EB9-3642-A46A-4A55EF0C0C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875838" y="6489700"/>
            <a:ext cx="1260475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pic>
        <p:nvPicPr>
          <p:cNvPr id="13" name="Afbeelding 12">
            <a:extLst>
              <a:ext uri="{FF2B5EF4-FFF2-40B4-BE49-F238E27FC236}">
                <a16:creationId xmlns:a16="http://schemas.microsoft.com/office/drawing/2014/main" id="{AFB30441-6756-AF4E-ADEF-A59E81035389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616950" y="0"/>
            <a:ext cx="2521512" cy="847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77768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1" i="0" kern="1200">
          <a:solidFill>
            <a:srgbClr val="18407F"/>
          </a:solidFill>
          <a:latin typeface="Calibri" panose="020F0502020204030204" pitchFamily="34" charset="0"/>
          <a:ea typeface="+mj-ea"/>
          <a:cs typeface="Calibri" panose="020F0502020204030204" pitchFamily="34" charset="0"/>
        </a:defRPr>
      </a:lvl1pPr>
    </p:titleStyle>
    <p:bodyStyle>
      <a:lvl1pPr marL="269875" indent="-269875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0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63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8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81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6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99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088" userDrawn="1">
          <p15:clr>
            <a:srgbClr val="F26B43"/>
          </p15:clr>
        </p15:guide>
        <p15:guide id="3" pos="665" userDrawn="1">
          <p15:clr>
            <a:srgbClr val="F26B43"/>
          </p15:clr>
        </p15:guide>
        <p15:guide id="4" pos="7015" userDrawn="1">
          <p15:clr>
            <a:srgbClr val="F26B43"/>
          </p15:clr>
        </p15:guide>
        <p15:guide id="5" orient="horz" pos="2160" userDrawn="1">
          <p15:clr>
            <a:srgbClr val="F26B43"/>
          </p15:clr>
        </p15:guide>
        <p15:guide id="6" orient="horz" pos="572" userDrawn="1">
          <p15:clr>
            <a:srgbClr val="F26B43"/>
          </p15:clr>
        </p15:guide>
        <p15:guide id="7" pos="5428" userDrawn="1">
          <p15:clr>
            <a:srgbClr val="F26B43"/>
          </p15:clr>
        </p15:guide>
        <p15:guide id="8" pos="2252" userDrawn="1">
          <p15:clr>
            <a:srgbClr val="F26B43"/>
          </p15:clr>
        </p15:guide>
        <p15:guide id="9" pos="3046" userDrawn="1">
          <p15:clr>
            <a:srgbClr val="F26B43"/>
          </p15:clr>
        </p15:guide>
        <p15:guide id="10" pos="4634" userDrawn="1">
          <p15:clr>
            <a:srgbClr val="F26B43"/>
          </p15:clr>
        </p15:guide>
        <p15:guide id="11" pos="6221" userDrawn="1">
          <p15:clr>
            <a:srgbClr val="F26B43"/>
          </p15:clr>
        </p15:guide>
        <p15:guide id="12" pos="1459" userDrawn="1">
          <p15:clr>
            <a:srgbClr val="F26B43"/>
          </p15:clr>
        </p15:guide>
        <p15:guide id="13" orient="horz" pos="255" userDrawn="1">
          <p15:clr>
            <a:srgbClr val="F26B43"/>
          </p15:clr>
        </p15:guide>
        <p15:guide id="14" pos="3840" userDrawn="1">
          <p15:clr>
            <a:srgbClr val="F26B43"/>
          </p15:clr>
        </p15:guide>
        <p15:guide id="15" orient="horz" pos="1026" userDrawn="1">
          <p15:clr>
            <a:srgbClr val="F26B43"/>
          </p15:clr>
        </p15:guide>
        <p15:guide id="16" orient="horz" pos="1366" userDrawn="1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>
            <a:extLst>
              <a:ext uri="{FF2B5EF4-FFF2-40B4-BE49-F238E27FC236}">
                <a16:creationId xmlns:a16="http://schemas.microsoft.com/office/drawing/2014/main" id="{FAD3AB70-FA92-4340-864F-4A92EB3DEF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8820150" cy="7207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5F86AAD1-72A4-3243-9466-6B69FDF830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9" y="1628776"/>
            <a:ext cx="8820150" cy="48609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AB15D1BA-3619-784F-B908-D17097617F2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364800" y="6489700"/>
            <a:ext cx="225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nl-NL"/>
              <a:t>23 november 2020</a:t>
            </a:r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1F011314-B31A-E04C-8933-7D29E1BAECC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55688" y="6489700"/>
            <a:ext cx="432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000" b="1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algn="l"/>
            <a:r>
              <a:rPr lang="nl-NL"/>
              <a:t>Hier komt de titel van de presentatie</a:t>
            </a:r>
            <a:endParaRPr lang="nl-NL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852C19C1-7EB9-3642-A46A-4A55EF0C0C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875838" y="6489700"/>
            <a:ext cx="1260475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pic>
        <p:nvPicPr>
          <p:cNvPr id="13" name="Afbeelding 12">
            <a:extLst>
              <a:ext uri="{FF2B5EF4-FFF2-40B4-BE49-F238E27FC236}">
                <a16:creationId xmlns:a16="http://schemas.microsoft.com/office/drawing/2014/main" id="{AFB30441-6756-AF4E-ADEF-A59E81035389}"/>
              </a:ext>
            </a:extLst>
          </p:cNvPr>
          <p:cNvPicPr>
            <a:picLocks noChangeAspect="1"/>
          </p:cNvPicPr>
          <p:nvPr userDrawn="1"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616950" y="0"/>
            <a:ext cx="2521512" cy="847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03466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0" r:id="rId2"/>
    <p:sldLayoutId id="2147483651" r:id="rId3"/>
    <p:sldLayoutId id="2147483681" r:id="rId4"/>
    <p:sldLayoutId id="2147483650" r:id="rId5"/>
    <p:sldLayoutId id="2147483652" r:id="rId6"/>
    <p:sldLayoutId id="2147483660" r:id="rId7"/>
    <p:sldLayoutId id="2147483654" r:id="rId8"/>
    <p:sldLayoutId id="2147483682" r:id="rId9"/>
    <p:sldLayoutId id="2147483655" r:id="rId10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1" i="0" kern="1200">
          <a:solidFill>
            <a:srgbClr val="18407F"/>
          </a:solidFill>
          <a:latin typeface="Calibri" panose="020F0502020204030204" pitchFamily="34" charset="0"/>
          <a:ea typeface="+mj-ea"/>
          <a:cs typeface="Calibri" panose="020F0502020204030204" pitchFamily="34" charset="0"/>
        </a:defRPr>
      </a:lvl1pPr>
    </p:titleStyle>
    <p:bodyStyle>
      <a:lvl1pPr marL="269875" indent="-269875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0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63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8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81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6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99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088" userDrawn="1">
          <p15:clr>
            <a:srgbClr val="F26B43"/>
          </p15:clr>
        </p15:guide>
        <p15:guide id="3" pos="665" userDrawn="1">
          <p15:clr>
            <a:srgbClr val="F26B43"/>
          </p15:clr>
        </p15:guide>
        <p15:guide id="4" pos="7015" userDrawn="1">
          <p15:clr>
            <a:srgbClr val="F26B43"/>
          </p15:clr>
        </p15:guide>
        <p15:guide id="5" orient="horz" pos="2160" userDrawn="1">
          <p15:clr>
            <a:srgbClr val="F26B43"/>
          </p15:clr>
        </p15:guide>
        <p15:guide id="6" orient="horz" pos="572" userDrawn="1">
          <p15:clr>
            <a:srgbClr val="F26B43"/>
          </p15:clr>
        </p15:guide>
        <p15:guide id="7" pos="5428" userDrawn="1">
          <p15:clr>
            <a:srgbClr val="F26B43"/>
          </p15:clr>
        </p15:guide>
        <p15:guide id="8" pos="2252" userDrawn="1">
          <p15:clr>
            <a:srgbClr val="F26B43"/>
          </p15:clr>
        </p15:guide>
        <p15:guide id="9" pos="3046" userDrawn="1">
          <p15:clr>
            <a:srgbClr val="F26B43"/>
          </p15:clr>
        </p15:guide>
        <p15:guide id="10" pos="4634" userDrawn="1">
          <p15:clr>
            <a:srgbClr val="F26B43"/>
          </p15:clr>
        </p15:guide>
        <p15:guide id="11" pos="6221" userDrawn="1">
          <p15:clr>
            <a:srgbClr val="F26B43"/>
          </p15:clr>
        </p15:guide>
        <p15:guide id="12" pos="1459" userDrawn="1">
          <p15:clr>
            <a:srgbClr val="F26B43"/>
          </p15:clr>
        </p15:guide>
        <p15:guide id="13" orient="horz" pos="255" userDrawn="1">
          <p15:clr>
            <a:srgbClr val="F26B43"/>
          </p15:clr>
        </p15:guide>
        <p15:guide id="14" pos="3840" userDrawn="1">
          <p15:clr>
            <a:srgbClr val="F26B43"/>
          </p15:clr>
        </p15:guide>
        <p15:guide id="15" orient="horz" pos="1026" userDrawn="1">
          <p15:clr>
            <a:srgbClr val="F26B43"/>
          </p15:clr>
        </p15:guide>
        <p15:guide id="16" orient="horz" pos="1366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2.xml"/><Relationship Id="rId6" Type="http://schemas.openxmlformats.org/officeDocument/2006/relationships/image" Target="../media/image3.jp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8.xml"/><Relationship Id="rId6" Type="http://schemas.openxmlformats.org/officeDocument/2006/relationships/image" Target="../media/image4.png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0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" descr="{&quot;templafy&quot;:{&quot;binding&quot;:&quot;Form.Titel&quot;,&quot;type&quot;:&quot;text&quot;}}" title="Form.Titel">
            <a:extLst>
              <a:ext uri="{FF2B5EF4-FFF2-40B4-BE49-F238E27FC236}">
                <a16:creationId xmlns:a16="http://schemas.microsoft.com/office/drawing/2014/main" id="{D3CD464C-AF5C-C549-BAE0-B0B8C8DE481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NL" sz="3600" dirty="0"/>
              <a:t>HyDAMO </a:t>
            </a:r>
            <a:r>
              <a:rPr lang="nl-NL" sz="3600" dirty="0" err="1"/>
              <a:t>Validatietooling</a:t>
            </a:r>
            <a:r>
              <a:rPr lang="nl-NL" sz="3600" dirty="0"/>
              <a:t> </a:t>
            </a:r>
            <a:br>
              <a:rPr lang="nl-NL" sz="3600" dirty="0"/>
            </a:br>
            <a:r>
              <a:rPr lang="nl-NL" sz="3600" dirty="0"/>
              <a:t>De wasmachine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3C7AED66-2829-984E-B602-5E9E87C90B0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l-NL" dirty="0"/>
              <a:t>Samen kunnen we het waarma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02C9E76B-B6AA-7044-916D-F7709B4D97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7 maart 2022</a:t>
            </a:r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14FFAAC7-B103-9443-BF97-F6EE3BB3C7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pPr/>
              <a:t>1</a:t>
            </a:fld>
            <a:endParaRPr lang="nl-NL"/>
          </a:p>
        </p:txBody>
      </p:sp>
      <p:pic>
        <p:nvPicPr>
          <p:cNvPr id="10" name="Tijdelijke aanduiding voor afbeelding 9" descr="Afbeelding met buiten, gras, staand, natuur&#10;&#10;Automatisch gegenereerde beschrijving">
            <a:extLst>
              <a:ext uri="{FF2B5EF4-FFF2-40B4-BE49-F238E27FC236}">
                <a16:creationId xmlns:a16="http://schemas.microsoft.com/office/drawing/2014/main" id="{4DD41381-B377-4779-BB62-E4E6907D7594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6"/>
          <a:srcRect l="19370" r="19370"/>
          <a:stretch>
            <a:fillRect/>
          </a:stretch>
        </p:blipFill>
        <p:spPr/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64560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32315C9-5923-EC4D-95D3-40FD0B4FDC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De HyDAMO Wasmachine</a:t>
            </a:r>
          </a:p>
        </p:txBody>
      </p:sp>
      <p:sp>
        <p:nvSpPr>
          <p:cNvPr id="3" name="Tijdelijke aanduiding voor datum 2">
            <a:extLst>
              <a:ext uri="{FF2B5EF4-FFF2-40B4-BE49-F238E27FC236}">
                <a16:creationId xmlns:a16="http://schemas.microsoft.com/office/drawing/2014/main" id="{EE63245A-03C7-5340-8B09-D80CC90617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7 maart 2022</a:t>
            </a:r>
          </a:p>
          <a:p>
            <a:endParaRPr lang="nl-NL" dirty="0"/>
          </a:p>
        </p:txBody>
      </p:sp>
      <p:sp>
        <p:nvSpPr>
          <p:cNvPr id="4" name="Tijdelijke aanduiding voor voettekst 3">
            <a:extLst>
              <a:ext uri="{FF2B5EF4-FFF2-40B4-BE49-F238E27FC236}">
                <a16:creationId xmlns:a16="http://schemas.microsoft.com/office/drawing/2014/main" id="{BB0DC98E-5F94-9A44-AD28-8B1CC9BB84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 err="1"/>
              <a:t>HyDAMO</a:t>
            </a:r>
            <a:r>
              <a:rPr lang="nl-NL" dirty="0"/>
              <a:t> </a:t>
            </a:r>
            <a:r>
              <a:rPr lang="nl-NL" dirty="0" err="1"/>
              <a:t>Validatietooling</a:t>
            </a:r>
            <a:r>
              <a:rPr lang="nl-NL" dirty="0"/>
              <a:t> – de wasmachine</a:t>
            </a:r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C1FD7F6B-9FF1-DD4D-AFE0-B4F8D470C5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pPr/>
              <a:t>2</a:t>
            </a:fld>
            <a:endParaRPr lang="nl-NL"/>
          </a:p>
        </p:txBody>
      </p:sp>
      <p:pic>
        <p:nvPicPr>
          <p:cNvPr id="8" name="Afbeelding 7">
            <a:extLst>
              <a:ext uri="{FF2B5EF4-FFF2-40B4-BE49-F238E27FC236}">
                <a16:creationId xmlns:a16="http://schemas.microsoft.com/office/drawing/2014/main" id="{1BA95771-506B-4AB8-83E6-AB8689179F7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705184"/>
            <a:ext cx="12192000" cy="5447632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645197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0BBF8C9-AB48-422E-BE23-93795F1B28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Waarom een wasmachine 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12793FBB-3B77-4DB0-BB01-E8D09D29BB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5689" y="1864310"/>
            <a:ext cx="10296489" cy="4625389"/>
          </a:xfrm>
        </p:spPr>
        <p:txBody>
          <a:bodyPr/>
          <a:lstStyle/>
          <a:p>
            <a:r>
              <a:rPr lang="nl-NL" dirty="0"/>
              <a:t>De Validatie </a:t>
            </a:r>
            <a:r>
              <a:rPr lang="nl-NL" dirty="0" err="1"/>
              <a:t>tooling</a:t>
            </a:r>
            <a:r>
              <a:rPr lang="nl-NL" dirty="0"/>
              <a:t> van HKV wil gegevens conform een vooraf afgesproken formaat </a:t>
            </a:r>
          </a:p>
          <a:p>
            <a:r>
              <a:rPr lang="nl-NL" dirty="0"/>
              <a:t>Er is gekozen om de validatie </a:t>
            </a:r>
            <a:r>
              <a:rPr lang="nl-NL" dirty="0" err="1"/>
              <a:t>tooling</a:t>
            </a:r>
            <a:r>
              <a:rPr lang="nl-NL" dirty="0"/>
              <a:t> te laten werken met </a:t>
            </a:r>
            <a:r>
              <a:rPr lang="nl-NL" dirty="0" err="1"/>
              <a:t>Geopackage</a:t>
            </a:r>
            <a:r>
              <a:rPr lang="nl-NL" dirty="0"/>
              <a:t> </a:t>
            </a:r>
          </a:p>
          <a:p>
            <a:r>
              <a:rPr lang="nl-NL" dirty="0"/>
              <a:t>De unieke identificatie voor een object is NEN3610ID, een combinatie van waterbeheerderscode en </a:t>
            </a:r>
            <a:r>
              <a:rPr lang="nl-NL" dirty="0" err="1"/>
              <a:t>objectid</a:t>
            </a:r>
            <a:r>
              <a:rPr lang="nl-NL" dirty="0"/>
              <a:t> van het object</a:t>
            </a:r>
          </a:p>
          <a:p>
            <a:r>
              <a:rPr lang="nl-NL" dirty="0"/>
              <a:t>Voor de domeinen hanteren we de omschrijving en niet de waardes</a:t>
            </a:r>
          </a:p>
          <a:p>
            <a:r>
              <a:rPr lang="nl-NL" dirty="0"/>
              <a:t>Voor een </a:t>
            </a:r>
            <a:r>
              <a:rPr lang="nl-NL" dirty="0" err="1"/>
              <a:t>Geopackage</a:t>
            </a:r>
            <a:r>
              <a:rPr lang="nl-NL" dirty="0"/>
              <a:t> gelden specifieke eisen ten aanzien van de schrijfwijze objecten en attributen</a:t>
            </a:r>
          </a:p>
          <a:p>
            <a:endParaRPr lang="nl-NL" dirty="0"/>
          </a:p>
          <a:p>
            <a:pPr marL="0" indent="0">
              <a:buNone/>
            </a:pPr>
            <a:r>
              <a:rPr lang="nl-NL" dirty="0"/>
              <a:t> </a:t>
            </a:r>
          </a:p>
          <a:p>
            <a:pPr marL="0" indent="0">
              <a:buNone/>
            </a:pPr>
            <a:endParaRPr lang="nl-NL" dirty="0"/>
          </a:p>
          <a:p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A2EA11C5-F2FC-436B-8F57-DAA46DCC12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 err="1"/>
              <a:t>HyDAMO</a:t>
            </a:r>
            <a:r>
              <a:rPr lang="nl-NL" dirty="0"/>
              <a:t> </a:t>
            </a:r>
            <a:r>
              <a:rPr lang="nl-NL" dirty="0" err="1"/>
              <a:t>Validatietooling</a:t>
            </a:r>
            <a:r>
              <a:rPr lang="nl-NL" dirty="0"/>
              <a:t> – de wasmachine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5C326136-B11F-4A97-A855-9A517F55AE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3</a:t>
            </a:fld>
            <a:endParaRPr lang="nl-NL"/>
          </a:p>
        </p:txBody>
      </p:sp>
      <p:sp>
        <p:nvSpPr>
          <p:cNvPr id="7" name="Tijdelijke aanduiding voor datum 2">
            <a:extLst>
              <a:ext uri="{FF2B5EF4-FFF2-40B4-BE49-F238E27FC236}">
                <a16:creationId xmlns:a16="http://schemas.microsoft.com/office/drawing/2014/main" id="{5CF4CC56-693A-4D0F-A3A8-2540FFB52E2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364800" y="6489700"/>
            <a:ext cx="2250000" cy="368300"/>
          </a:xfrm>
        </p:spPr>
        <p:txBody>
          <a:bodyPr/>
          <a:lstStyle/>
          <a:p>
            <a:r>
              <a:rPr lang="nl-NL" dirty="0"/>
              <a:t>7 maart 2022</a:t>
            </a:r>
          </a:p>
          <a:p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4818964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0BBF8C9-AB48-422E-BE23-93795F1B28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Hoe werkt de wasmachine 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12793FBB-3B77-4DB0-BB01-E8D09D29BB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5689" y="1864310"/>
            <a:ext cx="10296489" cy="4625389"/>
          </a:xfrm>
        </p:spPr>
        <p:txBody>
          <a:bodyPr/>
          <a:lstStyle/>
          <a:p>
            <a:r>
              <a:rPr lang="nl-NL" dirty="0"/>
              <a:t>De wasmachine pakt DAMO gegevens op die in een </a:t>
            </a:r>
            <a:r>
              <a:rPr lang="nl-NL" dirty="0" err="1"/>
              <a:t>Geopackage</a:t>
            </a:r>
            <a:r>
              <a:rPr lang="nl-NL" dirty="0"/>
              <a:t> of een File </a:t>
            </a:r>
            <a:r>
              <a:rPr lang="nl-NL" dirty="0" err="1"/>
              <a:t>Geodatabase</a:t>
            </a:r>
            <a:r>
              <a:rPr lang="nl-NL" dirty="0"/>
              <a:t> staan. </a:t>
            </a:r>
          </a:p>
          <a:p>
            <a:r>
              <a:rPr lang="nl-NL" dirty="0"/>
              <a:t>Voegt de NEN3610ID toe. </a:t>
            </a:r>
          </a:p>
          <a:p>
            <a:r>
              <a:rPr lang="nl-NL" dirty="0"/>
              <a:t>Vertaalt de domeinen naar omschrijvingen</a:t>
            </a:r>
          </a:p>
          <a:p>
            <a:r>
              <a:rPr lang="nl-NL" dirty="0"/>
              <a:t>Schrijft de gegevens weg als </a:t>
            </a:r>
            <a:r>
              <a:rPr lang="nl-NL" dirty="0" err="1"/>
              <a:t>geopackage</a:t>
            </a:r>
            <a:r>
              <a:rPr lang="nl-NL" dirty="0"/>
              <a:t> conform DAMO 2.2 </a:t>
            </a:r>
          </a:p>
          <a:p>
            <a:endParaRPr lang="nl-NL" dirty="0"/>
          </a:p>
          <a:p>
            <a:r>
              <a:rPr lang="nl-NL" dirty="0"/>
              <a:t>In de wasmachine vind geen </a:t>
            </a:r>
            <a:r>
              <a:rPr lang="nl-NL" dirty="0" err="1"/>
              <a:t>mapping</a:t>
            </a:r>
            <a:r>
              <a:rPr lang="nl-NL" dirty="0"/>
              <a:t> plaats van gegevens anders dan 1 op 1. </a:t>
            </a:r>
          </a:p>
          <a:p>
            <a:endParaRPr lang="nl-NL" dirty="0"/>
          </a:p>
          <a:p>
            <a:endParaRPr lang="nl-NL" dirty="0"/>
          </a:p>
          <a:p>
            <a:endParaRPr lang="nl-NL" dirty="0"/>
          </a:p>
          <a:p>
            <a:pPr marL="0" indent="0">
              <a:buNone/>
            </a:pPr>
            <a:r>
              <a:rPr lang="nl-NL" dirty="0"/>
              <a:t> </a:t>
            </a:r>
          </a:p>
          <a:p>
            <a:pPr marL="0" indent="0">
              <a:buNone/>
            </a:pPr>
            <a:endParaRPr lang="nl-NL" dirty="0"/>
          </a:p>
          <a:p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A2EA11C5-F2FC-436B-8F57-DAA46DCC12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 err="1"/>
              <a:t>HyDAMO</a:t>
            </a:r>
            <a:r>
              <a:rPr lang="nl-NL" dirty="0"/>
              <a:t> </a:t>
            </a:r>
            <a:r>
              <a:rPr lang="nl-NL" dirty="0" err="1"/>
              <a:t>Validatietooling</a:t>
            </a:r>
            <a:r>
              <a:rPr lang="nl-NL" dirty="0"/>
              <a:t> – de wasmachine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5C326136-B11F-4A97-A855-9A517F55AE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4</a:t>
            </a:fld>
            <a:endParaRPr lang="nl-NL"/>
          </a:p>
        </p:txBody>
      </p:sp>
      <p:sp>
        <p:nvSpPr>
          <p:cNvPr id="7" name="Tijdelijke aanduiding voor datum 2">
            <a:extLst>
              <a:ext uri="{FF2B5EF4-FFF2-40B4-BE49-F238E27FC236}">
                <a16:creationId xmlns:a16="http://schemas.microsoft.com/office/drawing/2014/main" id="{93C06F3E-4C08-4DCF-9606-3A87AA6C7F6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364800" y="6489700"/>
            <a:ext cx="2250000" cy="368300"/>
          </a:xfrm>
        </p:spPr>
        <p:txBody>
          <a:bodyPr/>
          <a:lstStyle/>
          <a:p>
            <a:r>
              <a:rPr lang="nl-NL" dirty="0"/>
              <a:t>7 maart 2022</a:t>
            </a:r>
          </a:p>
          <a:p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31705201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0BBF8C9-AB48-422E-BE23-93795F1B28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Input voor de wasmachine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12793FBB-3B77-4DB0-BB01-E8D09D29BB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5689" y="1864310"/>
            <a:ext cx="10296489" cy="4625389"/>
          </a:xfrm>
        </p:spPr>
        <p:txBody>
          <a:bodyPr/>
          <a:lstStyle/>
          <a:p>
            <a:pPr marL="0" indent="0">
              <a:buNone/>
            </a:pPr>
            <a:r>
              <a:rPr lang="nl-NL" dirty="0"/>
              <a:t>Invoer:</a:t>
            </a:r>
          </a:p>
          <a:p>
            <a:pPr marL="0" indent="0">
              <a:buNone/>
            </a:pPr>
            <a:r>
              <a:rPr lang="nl-NL" dirty="0"/>
              <a:t>Kies waterbeheerder</a:t>
            </a:r>
          </a:p>
          <a:p>
            <a:pPr marL="0" indent="0">
              <a:buNone/>
            </a:pPr>
            <a:r>
              <a:rPr lang="nl-NL" dirty="0"/>
              <a:t>Geef locatie </a:t>
            </a:r>
            <a:r>
              <a:rPr lang="nl-NL" dirty="0" err="1"/>
              <a:t>excel</a:t>
            </a:r>
            <a:r>
              <a:rPr lang="nl-NL" dirty="0"/>
              <a:t>-file aan</a:t>
            </a:r>
          </a:p>
          <a:p>
            <a:pPr marL="0" indent="0">
              <a:buNone/>
            </a:pPr>
            <a:r>
              <a:rPr lang="nl-NL" dirty="0"/>
              <a:t>Kies voor Bron: </a:t>
            </a:r>
            <a:r>
              <a:rPr lang="nl-NL" dirty="0" err="1"/>
              <a:t>Geopackage</a:t>
            </a:r>
            <a:r>
              <a:rPr lang="nl-NL" dirty="0"/>
              <a:t> óf File </a:t>
            </a:r>
            <a:r>
              <a:rPr lang="nl-NL" dirty="0" err="1"/>
              <a:t>geodatabase</a:t>
            </a:r>
            <a:endParaRPr lang="nl-NL" dirty="0"/>
          </a:p>
          <a:p>
            <a:pPr marL="0" indent="0">
              <a:buNone/>
            </a:pPr>
            <a:r>
              <a:rPr lang="nl-NL" dirty="0"/>
              <a:t>Kies welke feature types ingeladen moeten worden</a:t>
            </a:r>
          </a:p>
          <a:p>
            <a:pPr marL="0" indent="0">
              <a:buNone/>
            </a:pPr>
            <a:r>
              <a:rPr lang="nl-NL" dirty="0"/>
              <a:t>Kies doel: </a:t>
            </a:r>
            <a:r>
              <a:rPr lang="nl-NL" dirty="0" err="1"/>
              <a:t>Geopackage</a:t>
            </a:r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A2EA11C5-F2FC-436B-8F57-DAA46DCC12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 err="1"/>
              <a:t>HyDAMO</a:t>
            </a:r>
            <a:r>
              <a:rPr lang="nl-NL" dirty="0"/>
              <a:t> </a:t>
            </a:r>
            <a:r>
              <a:rPr lang="nl-NL" dirty="0" err="1"/>
              <a:t>Validatietooling</a:t>
            </a:r>
            <a:r>
              <a:rPr lang="nl-NL" dirty="0"/>
              <a:t> – de wasmachine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5C326136-B11F-4A97-A855-9A517F55AE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5</a:t>
            </a:fld>
            <a:endParaRPr lang="nl-NL"/>
          </a:p>
        </p:txBody>
      </p:sp>
      <p:sp>
        <p:nvSpPr>
          <p:cNvPr id="7" name="Tijdelijke aanduiding voor datum 2">
            <a:extLst>
              <a:ext uri="{FF2B5EF4-FFF2-40B4-BE49-F238E27FC236}">
                <a16:creationId xmlns:a16="http://schemas.microsoft.com/office/drawing/2014/main" id="{93C06F3E-4C08-4DCF-9606-3A87AA6C7F6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364800" y="6489700"/>
            <a:ext cx="2250000" cy="368300"/>
          </a:xfrm>
        </p:spPr>
        <p:txBody>
          <a:bodyPr/>
          <a:lstStyle/>
          <a:p>
            <a:r>
              <a:rPr lang="nl-NL" dirty="0"/>
              <a:t>7 maart 2022</a:t>
            </a:r>
          </a:p>
          <a:p>
            <a:endParaRPr lang="nl-NL" dirty="0"/>
          </a:p>
        </p:txBody>
      </p:sp>
      <p:pic>
        <p:nvPicPr>
          <p:cNvPr id="11" name="Afbeelding 10">
            <a:extLst>
              <a:ext uri="{FF2B5EF4-FFF2-40B4-BE49-F238E27FC236}">
                <a16:creationId xmlns:a16="http://schemas.microsoft.com/office/drawing/2014/main" id="{E0790087-6BBB-434E-B8E2-82DB3122067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28416" y="3694426"/>
            <a:ext cx="4125819" cy="2842380"/>
          </a:xfrm>
          <a:prstGeom prst="rect">
            <a:avLst/>
          </a:prstGeom>
        </p:spPr>
      </p:pic>
      <p:sp>
        <p:nvSpPr>
          <p:cNvPr id="9" name="Ovaal 8">
            <a:extLst>
              <a:ext uri="{FF2B5EF4-FFF2-40B4-BE49-F238E27FC236}">
                <a16:creationId xmlns:a16="http://schemas.microsoft.com/office/drawing/2014/main" id="{827C52A9-73C6-4068-85E4-A61E6E67567B}"/>
              </a:ext>
            </a:extLst>
          </p:cNvPr>
          <p:cNvSpPr/>
          <p:nvPr/>
        </p:nvSpPr>
        <p:spPr>
          <a:xfrm>
            <a:off x="7628416" y="4939606"/>
            <a:ext cx="2101511" cy="635036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pic>
        <p:nvPicPr>
          <p:cNvPr id="13" name="Afbeelding 12">
            <a:extLst>
              <a:ext uri="{FF2B5EF4-FFF2-40B4-BE49-F238E27FC236}">
                <a16:creationId xmlns:a16="http://schemas.microsoft.com/office/drawing/2014/main" id="{347EC19A-7D9E-4B32-8246-E50756CD168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28416" y="804940"/>
            <a:ext cx="4125819" cy="2842380"/>
          </a:xfrm>
          <a:prstGeom prst="rect">
            <a:avLst/>
          </a:prstGeom>
        </p:spPr>
      </p:pic>
      <p:sp>
        <p:nvSpPr>
          <p:cNvPr id="14" name="Ovaal 13">
            <a:extLst>
              <a:ext uri="{FF2B5EF4-FFF2-40B4-BE49-F238E27FC236}">
                <a16:creationId xmlns:a16="http://schemas.microsoft.com/office/drawing/2014/main" id="{5601FDB3-E05E-4860-A587-690F528D81D4}"/>
              </a:ext>
            </a:extLst>
          </p:cNvPr>
          <p:cNvSpPr/>
          <p:nvPr/>
        </p:nvSpPr>
        <p:spPr>
          <a:xfrm>
            <a:off x="7721202" y="1675881"/>
            <a:ext cx="2101511" cy="635036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417465692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6139863231098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61398632310986"/>
</p:tagLst>
</file>

<file path=ppt/theme/theme1.xml><?xml version="1.0" encoding="utf-8"?>
<a:theme xmlns:a="http://schemas.openxmlformats.org/drawingml/2006/main" name="Covers Masker 1">
  <a:themeElements>
    <a:clrScheme name="f18900">
      <a:dk1>
        <a:srgbClr val="F189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#xxx-hWh-powerpoint template_RA" id="{8C746E3E-B3DA-F64E-AAC7-E2D3C9693F18}" vid="{1F85F91C-4AD9-364D-8103-00378CFCE9F0}"/>
    </a:ext>
  </a:extLst>
</a:theme>
</file>

<file path=ppt/theme/theme2.xml><?xml version="1.0" encoding="utf-8"?>
<a:theme xmlns:a="http://schemas.openxmlformats.org/drawingml/2006/main" name="1_Covers Masker 2">
  <a:themeElements>
    <a:clrScheme name="f18900">
      <a:dk1>
        <a:srgbClr val="F189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#xxx-hWh-powerpoint template_RA" id="{8C746E3E-B3DA-F64E-AAC7-E2D3C9693F18}" vid="{6CD02D4F-5779-6044-9205-C66D887210E8}"/>
    </a:ext>
  </a:extLst>
</a:theme>
</file>

<file path=ppt/theme/theme3.xml><?xml version="1.0" encoding="utf-8"?>
<a:theme xmlns:a="http://schemas.openxmlformats.org/drawingml/2006/main" name="2_Covers Masker 2">
  <a:themeElements>
    <a:clrScheme name="f18900">
      <a:dk1>
        <a:srgbClr val="F189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#xxx-hWh-powerpoint template_RA" id="{8C746E3E-B3DA-F64E-AAC7-E2D3C9693F18}" vid="{EC53D7CD-583A-AB41-9A4C-AA33D9298722}"/>
    </a:ext>
  </a:extLst>
</a:theme>
</file>

<file path=ppt/theme/theme4.xml><?xml version="1.0" encoding="utf-8"?>
<a:theme xmlns:a="http://schemas.openxmlformats.org/drawingml/2006/main" name="Content slides">
  <a:themeElements>
    <a:clrScheme name="f18900">
      <a:dk1>
        <a:srgbClr val="F189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#xxx-hWh-powerpoint template_RA" id="{8C746E3E-B3DA-F64E-AAC7-E2D3C9693F18}" vid="{4A7054E1-DA23-BE49-B3C1-A45E331AF946}"/>
    </a:ext>
  </a:extLst>
</a:theme>
</file>

<file path=ppt/theme/theme5.xml><?xml version="1.0" encoding="utf-8"?>
<a:theme xmlns:a="http://schemas.openxmlformats.org/drawingml/2006/main" name="Kantoorth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FormConfiguration><![CDATA[{"formFields":[],"formDataEntries":[]}]]></TemplafyFormConfiguration>
</file>

<file path=customXml/item2.xml><?xml version="1.0" encoding="utf-8"?>
<TemplafySlideTemplateConfiguration><![CDATA[{"slideVersion":0,"isValidatorEnabled":false,"isLocked":false,"elementsMetadata":[],"slideId":"637461423044642280","enableDocumentContentUpdater":true,"version":"1.11"}]]></TemplafySlideTemplateConfiguration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2BF8D401C75F54681E9DB16787E551E" ma:contentTypeVersion="8" ma:contentTypeDescription="Een nieuw document maken." ma:contentTypeScope="" ma:versionID="b99ac652263970adabd420ec399d61a8">
  <xsd:schema xmlns:xsd="http://www.w3.org/2001/XMLSchema" xmlns:xs="http://www.w3.org/2001/XMLSchema" xmlns:p="http://schemas.microsoft.com/office/2006/metadata/properties" xmlns:ns2="c388a8e7-8d8e-4e15-8fc3-15472813cd29" targetNamespace="http://schemas.microsoft.com/office/2006/metadata/properties" ma:root="true" ma:fieldsID="c49ffa033bf23b6409b2d48c30b493cc" ns2:_="">
    <xsd:import namespace="c388a8e7-8d8e-4e15-8fc3-15472813cd29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Location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388a8e7-8d8e-4e15-8fc3-15472813cd29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Location" ma:index="12" nillable="true" ma:displayName="MediaServiceLocation" ma:internalName="MediaServiceLocation" ma:readOnly="true">
      <xsd:simpleType>
        <xsd:restriction base="dms:Text"/>
      </xsd:simpleType>
    </xsd:element>
    <xsd:element name="MediaServiceOCR" ma:index="13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ou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TemplafyTemplateConfiguration><![CDATA[{"elementsMetadata":[],"transformationConfigurations":[],"templateName":"","templateDescription":"","enableDocumentContentUpdater":true,"version":"1.11"}]]></TemplafyTemplateConfiguration>
</file>

<file path=customXml/item5.xml><?xml version="1.0" encoding="utf-8"?>
<TemplafySlideTemplateConfiguration><![CDATA[{"slideVersion":0,"isValidatorEnabled":false,"isLocked":false,"elementsMetadata":[],"slideId":"637461423044954626","enableDocumentContentUpdater":true,"version":"1.11"}]]></TemplafySlideTemplateConfiguration>
</file>

<file path=customXml/item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7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12DC6E26-3D9F-4CF5-B208-C2F1AE150AE9}">
  <ds:schemaRefs/>
</ds:datastoreItem>
</file>

<file path=customXml/itemProps2.xml><?xml version="1.0" encoding="utf-8"?>
<ds:datastoreItem xmlns:ds="http://schemas.openxmlformats.org/officeDocument/2006/customXml" ds:itemID="{ED0F9B90-2381-4470-8357-8596193E83CB}">
  <ds:schemaRefs/>
</ds:datastoreItem>
</file>

<file path=customXml/itemProps3.xml><?xml version="1.0" encoding="utf-8"?>
<ds:datastoreItem xmlns:ds="http://schemas.openxmlformats.org/officeDocument/2006/customXml" ds:itemID="{1461DC20-2894-4440-B886-1A7612D2680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388a8e7-8d8e-4e15-8fc3-15472813cd2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4.xml><?xml version="1.0" encoding="utf-8"?>
<ds:datastoreItem xmlns:ds="http://schemas.openxmlformats.org/officeDocument/2006/customXml" ds:itemID="{D743823D-B8A0-45F7-899F-24FA68183034}">
  <ds:schemaRefs/>
</ds:datastoreItem>
</file>

<file path=customXml/itemProps5.xml><?xml version="1.0" encoding="utf-8"?>
<ds:datastoreItem xmlns:ds="http://schemas.openxmlformats.org/officeDocument/2006/customXml" ds:itemID="{1A1875B6-6523-454B-A629-1BBEB02A1356}">
  <ds:schemaRefs/>
</ds:datastoreItem>
</file>

<file path=customXml/itemProps6.xml><?xml version="1.0" encoding="utf-8"?>
<ds:datastoreItem xmlns:ds="http://schemas.openxmlformats.org/officeDocument/2006/customXml" ds:itemID="{BD4C8086-6584-4F72-9A1E-56BE8D88B45D}">
  <ds:schemaRefs>
    <ds:schemaRef ds:uri="http://schemas.microsoft.com/sharepoint/v3/contenttype/forms"/>
  </ds:schemaRefs>
</ds:datastoreItem>
</file>

<file path=customXml/itemProps7.xml><?xml version="1.0" encoding="utf-8"?>
<ds:datastoreItem xmlns:ds="http://schemas.openxmlformats.org/officeDocument/2006/customXml" ds:itemID="{63E96F10-3348-4DA4-BDBA-BAB98E285462}">
  <ds:schemaRefs>
    <ds:schemaRef ds:uri="http://schemas.microsoft.com/office/2006/metadata/propertie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c388a8e7-8d8e-4e15-8fc3-15472813cd29"/>
    <ds:schemaRef ds:uri="http://www.w3.org/XML/1998/namespace"/>
    <ds:schemaRef ds:uri="http://purl.org/dc/dcmitype/"/>
  </ds:schemaRefs>
</ds:datastoreItem>
</file>

<file path=customXml/itemProps8.xml><?xml version="1.0" encoding="utf-8"?>
<ds:datastoreItem xmlns:ds="http://schemas.openxmlformats.org/officeDocument/2006/customXml" ds:itemID="{2AB4DEEA-65CC-48EF-8BE4-865F30D27493}">
  <ds:schemaRefs/>
</ds:datastoreItem>
</file>

<file path=customXml/itemProps9.xml><?xml version="1.0" encoding="utf-8"?>
<ds:datastoreItem xmlns:ds="http://schemas.openxmlformats.org/officeDocument/2006/customXml" ds:itemID="{9DDC6897-6779-4954-B465-F519088631FD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20#xxx-hWh-powerpoint template_RA</Template>
  <TotalTime>870</TotalTime>
  <Words>212</Words>
  <Application>Microsoft Office PowerPoint</Application>
  <PresentationFormat>Breedbeeld</PresentationFormat>
  <Paragraphs>45</Paragraphs>
  <Slides>5</Slides>
  <Notes>2</Notes>
  <HiddenSlides>0</HiddenSlides>
  <MMClips>0</MMClips>
  <ScaleCrop>false</ScaleCrop>
  <HeadingPairs>
    <vt:vector size="6" baseType="variant">
      <vt:variant>
        <vt:lpstr>Gebruikte lettertypen</vt:lpstr>
      </vt:variant>
      <vt:variant>
        <vt:i4>2</vt:i4>
      </vt:variant>
      <vt:variant>
        <vt:lpstr>Thema</vt:lpstr>
      </vt:variant>
      <vt:variant>
        <vt:i4>4</vt:i4>
      </vt:variant>
      <vt:variant>
        <vt:lpstr>Diatitels</vt:lpstr>
      </vt:variant>
      <vt:variant>
        <vt:i4>5</vt:i4>
      </vt:variant>
    </vt:vector>
  </HeadingPairs>
  <TitlesOfParts>
    <vt:vector size="11" baseType="lpstr">
      <vt:lpstr>Arial</vt:lpstr>
      <vt:lpstr>Calibri</vt:lpstr>
      <vt:lpstr>Covers Masker 1</vt:lpstr>
      <vt:lpstr>1_Covers Masker 2</vt:lpstr>
      <vt:lpstr>2_Covers Masker 2</vt:lpstr>
      <vt:lpstr>Content slides</vt:lpstr>
      <vt:lpstr>HyDAMO Validatietooling  De wasmachine</vt:lpstr>
      <vt:lpstr>De HyDAMO Wasmachine</vt:lpstr>
      <vt:lpstr>Waarom een wasmachine </vt:lpstr>
      <vt:lpstr>Hoe werkt de wasmachine </vt:lpstr>
      <vt:lpstr>Input voor de wasmachin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el van de presentatie</dc:title>
  <dc:creator>Pleuni Niezing</dc:creator>
  <cp:lastModifiedBy>Steven Schreuder</cp:lastModifiedBy>
  <cp:revision>10</cp:revision>
  <dcterms:created xsi:type="dcterms:W3CDTF">2020-11-29T19:04:27Z</dcterms:created>
  <dcterms:modified xsi:type="dcterms:W3CDTF">2022-03-07T11:27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2BF8D401C75F54681E9DB16787E551E</vt:lpwstr>
  </property>
  <property fmtid="{D5CDD505-2E9C-101B-9397-08002B2CF9AE}" pid="3" name="TemplafyTimeStamp">
    <vt:lpwstr>2021-06-07T07:46:42.0735695Z</vt:lpwstr>
  </property>
  <property fmtid="{D5CDD505-2E9C-101B-9397-08002B2CF9AE}" pid="4" name="TemplafyTenantId">
    <vt:lpwstr>hetwaterschapshuis</vt:lpwstr>
  </property>
  <property fmtid="{D5CDD505-2E9C-101B-9397-08002B2CF9AE}" pid="5" name="TemplafyTemplateId">
    <vt:lpwstr>637461423037252296</vt:lpwstr>
  </property>
  <property fmtid="{D5CDD505-2E9C-101B-9397-08002B2CF9AE}" pid="6" name="TemplafyUserProfileId">
    <vt:lpwstr>637463848480319396</vt:lpwstr>
  </property>
  <property fmtid="{D5CDD505-2E9C-101B-9397-08002B2CF9AE}" pid="7" name="TemplafyLanguageCode">
    <vt:lpwstr>nl-NL</vt:lpwstr>
  </property>
</Properties>
</file>